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comments/modernComment_162_E7118D06.xml" ContentType="application/vnd.ms-powerpoint.comments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852" r:id="rId4"/>
  </p:sldMasterIdLst>
  <p:notesMasterIdLst>
    <p:notesMasterId r:id="rId29"/>
  </p:notesMasterIdLst>
  <p:sldIdLst>
    <p:sldId id="272" r:id="rId5"/>
    <p:sldId id="1269" r:id="rId6"/>
    <p:sldId id="354" r:id="rId7"/>
    <p:sldId id="1270" r:id="rId8"/>
    <p:sldId id="1285" r:id="rId9"/>
    <p:sldId id="1280" r:id="rId10"/>
    <p:sldId id="1275" r:id="rId11"/>
    <p:sldId id="1288" r:id="rId12"/>
    <p:sldId id="1290" r:id="rId13"/>
    <p:sldId id="1281" r:id="rId14"/>
    <p:sldId id="1286" r:id="rId15"/>
    <p:sldId id="1289" r:id="rId16"/>
    <p:sldId id="1291" r:id="rId17"/>
    <p:sldId id="1287" r:id="rId18"/>
    <p:sldId id="1277" r:id="rId19"/>
    <p:sldId id="282" r:id="rId20"/>
    <p:sldId id="1273" r:id="rId21"/>
    <p:sldId id="1278" r:id="rId22"/>
    <p:sldId id="1274" r:id="rId23"/>
    <p:sldId id="1292" r:id="rId24"/>
    <p:sldId id="1293" r:id="rId25"/>
    <p:sldId id="1294" r:id="rId26"/>
    <p:sldId id="1282" r:id="rId27"/>
    <p:sldId id="1276" r:id="rId2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F005C33C-A4F9-1346-911D-42F5CE89DF41}">
          <p14:sldIdLst>
            <p14:sldId id="272"/>
            <p14:sldId id="1269"/>
            <p14:sldId id="354"/>
          </p14:sldIdLst>
        </p14:section>
        <p14:section name="System Architecure" id="{A6E0EC56-E090-7F47-9F4A-1411415E19D3}">
          <p14:sldIdLst>
            <p14:sldId id="1270"/>
            <p14:sldId id="1285"/>
          </p14:sldIdLst>
        </p14:section>
        <p14:section name="Data Architecture" id="{9C483791-90C0-374A-BE8F-C4640BB5783A}">
          <p14:sldIdLst>
            <p14:sldId id="1280"/>
            <p14:sldId id="1275"/>
            <p14:sldId id="1288"/>
            <p14:sldId id="1290"/>
          </p14:sldIdLst>
        </p14:section>
        <p14:section name="Integration Architecture" id="{857AF1FB-B8AD-B744-8BB5-CCF2691E54B0}">
          <p14:sldIdLst>
            <p14:sldId id="1281"/>
            <p14:sldId id="1286"/>
            <p14:sldId id="1289"/>
            <p14:sldId id="1291"/>
          </p14:sldIdLst>
        </p14:section>
        <p14:section name="Build and deployment" id="{A1833FB8-0EEB-554B-B46D-4F5DAFD3B27B}">
          <p14:sldIdLst>
            <p14:sldId id="1287"/>
            <p14:sldId id="1277"/>
            <p14:sldId id="282"/>
          </p14:sldIdLst>
        </p14:section>
        <p14:section name="NFR" id="{11C1A453-B088-8447-9E87-3C3A2A7B3EEF}">
          <p14:sldIdLst>
            <p14:sldId id="1273"/>
            <p14:sldId id="1278"/>
            <p14:sldId id="1274"/>
            <p14:sldId id="1292"/>
            <p14:sldId id="1293"/>
            <p14:sldId id="1294"/>
          </p14:sldIdLst>
        </p14:section>
        <p14:section name="Documentation" id="{3595A1B1-1307-4943-BFE3-463ED62B0945}">
          <p14:sldIdLst>
            <p14:sldId id="1282"/>
          </p14:sldIdLst>
        </p14:section>
        <p14:section name="Appendix" id="{2AF321A3-BBC5-4243-8563-AFF42AA8AF85}">
          <p14:sldIdLst>
            <p14:sldId id="1276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D9EA6F9B-0501-60AD-9BDB-F66D6E9D6497}" name="Patel, Chandan" initials="PC" userId="S::chapatel@deloitte.com::1971659d-fde3-4a12-80f5-c109384e6bf2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F48424D-78B8-4944-BF56-09DC5BFABEC4}" v="29" dt="2022-11-21T06:36:37.14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1"/>
    <p:restoredTop sz="94640"/>
  </p:normalViewPr>
  <p:slideViewPr>
    <p:cSldViewPr snapToGrid="0">
      <p:cViewPr varScale="1">
        <p:scale>
          <a:sx n="71" d="100"/>
          <a:sy n="71" d="100"/>
        </p:scale>
        <p:origin x="460" y="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34" Type="http://schemas.microsoft.com/office/2015/10/relationships/revisionInfo" Target="revisionInfo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presProps" Target="presProps.xml"/><Relationship Id="rId35" Type="http://schemas.microsoft.com/office/2018/10/relationships/authors" Target="authors.xml"/><Relationship Id="rId8" Type="http://schemas.openxmlformats.org/officeDocument/2006/relationships/slide" Target="slides/slide4.xml"/></Relationships>
</file>

<file path=ppt/comments/modernComment_162_E7118D06.xml><?xml version="1.0" encoding="utf-8"?>
<p188:cmLst xmlns:a="http://schemas.openxmlformats.org/drawingml/2006/main" xmlns:r="http://schemas.openxmlformats.org/officeDocument/2006/relationships" xmlns:p188="http://schemas.microsoft.com/office/powerpoint/2018/8/main">
  <p188:cm id="{9D02149A-71F0-47DF-B899-437611595FD6}" authorId="{D9EA6F9B-0501-60AD-9BDB-F66D6E9D6497}" created="2022-11-16T17:01:07.609">
    <ac:deMkLst xmlns:ac="http://schemas.microsoft.com/office/drawing/2013/main/command">
      <pc:docMk xmlns:pc="http://schemas.microsoft.com/office/powerpoint/2013/main/command"/>
      <pc:sldMk xmlns:pc="http://schemas.microsoft.com/office/powerpoint/2013/main/command" cId="3876687110" sldId="354"/>
      <ac:spMk id="2" creationId="{16EBD641-ABA4-4B2F-AEBB-4C8A42D4579B}"/>
    </ac:deMkLst>
    <p188:txBody>
      <a:bodyPr/>
      <a:lstStyle/>
      <a:p>
        <a:r>
          <a:rPr lang="en-US"/>
          <a:t>Maybe we can simplify this slide, intent is right we need to capture technology on these 4 axis.</a:t>
        </a:r>
      </a:p>
    </p188:txBody>
  </p188:cm>
</p188:cmLst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svg"/><Relationship Id="rId1" Type="http://schemas.openxmlformats.org/officeDocument/2006/relationships/image" Target="../media/image4.png"/><Relationship Id="rId6" Type="http://schemas.openxmlformats.org/officeDocument/2006/relationships/image" Target="../media/image9.svg"/><Relationship Id="rId5" Type="http://schemas.openxmlformats.org/officeDocument/2006/relationships/image" Target="../media/image8.png"/><Relationship Id="rId10" Type="http://schemas.openxmlformats.org/officeDocument/2006/relationships/image" Target="../media/image13.svg"/><Relationship Id="rId4" Type="http://schemas.openxmlformats.org/officeDocument/2006/relationships/image" Target="../media/image7.svg"/><Relationship Id="rId9" Type="http://schemas.openxmlformats.org/officeDocument/2006/relationships/image" Target="../media/image12.pn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svg"/><Relationship Id="rId1" Type="http://schemas.openxmlformats.org/officeDocument/2006/relationships/image" Target="../media/image4.png"/><Relationship Id="rId6" Type="http://schemas.openxmlformats.org/officeDocument/2006/relationships/image" Target="../media/image9.svg"/><Relationship Id="rId5" Type="http://schemas.openxmlformats.org/officeDocument/2006/relationships/image" Target="../media/image8.png"/><Relationship Id="rId10" Type="http://schemas.openxmlformats.org/officeDocument/2006/relationships/image" Target="../media/image13.svg"/><Relationship Id="rId4" Type="http://schemas.openxmlformats.org/officeDocument/2006/relationships/image" Target="../media/image7.svg"/><Relationship Id="rId9" Type="http://schemas.openxmlformats.org/officeDocument/2006/relationships/image" Target="../media/image12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04DF9DF-FB17-436B-96B6-9A01D84DEB9F}" type="doc">
      <dgm:prSet loTypeId="urn:microsoft.com/office/officeart/2018/2/layout/IconVerticalSolidList" loCatId="icon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D812BF57-0068-4AD3-890C-0D7943469DB7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Tech Stack used</a:t>
          </a:r>
        </a:p>
      </dgm:t>
    </dgm:pt>
    <dgm:pt modelId="{8ABEA716-FE8E-47A7-9079-0FE3EF49141C}" type="parTrans" cxnId="{78389DDE-1136-4A9A-AAA6-63760DB21DE2}">
      <dgm:prSet/>
      <dgm:spPr/>
      <dgm:t>
        <a:bodyPr/>
        <a:lstStyle/>
        <a:p>
          <a:endParaRPr lang="en-US"/>
        </a:p>
      </dgm:t>
    </dgm:pt>
    <dgm:pt modelId="{07C669C1-0A63-48CE-9E1E-F676F81165A4}" type="sibTrans" cxnId="{78389DDE-1136-4A9A-AAA6-63760DB21DE2}">
      <dgm:prSet/>
      <dgm:spPr/>
      <dgm:t>
        <a:bodyPr/>
        <a:lstStyle/>
        <a:p>
          <a:endParaRPr lang="en-US"/>
        </a:p>
      </dgm:t>
    </dgm:pt>
    <dgm:pt modelId="{2181281C-0041-401B-9E12-E0BDDAB5A9C8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Architecture (System, Data &amp; Integration)</a:t>
          </a:r>
        </a:p>
      </dgm:t>
    </dgm:pt>
    <dgm:pt modelId="{A8B95755-8B5D-4DFE-B90C-B5CDC44AAB3B}" type="parTrans" cxnId="{7E421A7C-0B35-4391-BFDD-FC048C0698F2}">
      <dgm:prSet/>
      <dgm:spPr/>
      <dgm:t>
        <a:bodyPr/>
        <a:lstStyle/>
        <a:p>
          <a:endParaRPr lang="en-US"/>
        </a:p>
      </dgm:t>
    </dgm:pt>
    <dgm:pt modelId="{DD3C99A2-A170-45E9-82A2-908225824D96}" type="sibTrans" cxnId="{7E421A7C-0B35-4391-BFDD-FC048C0698F2}">
      <dgm:prSet/>
      <dgm:spPr/>
      <dgm:t>
        <a:bodyPr/>
        <a:lstStyle/>
        <a:p>
          <a:endParaRPr lang="en-US"/>
        </a:p>
      </dgm:t>
    </dgm:pt>
    <dgm:pt modelId="{70C60898-666D-4D46-B300-C87E6E4C848A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Build &amp; Deployment (Config management and release pipeline)</a:t>
          </a:r>
        </a:p>
      </dgm:t>
    </dgm:pt>
    <dgm:pt modelId="{9BE8835D-6DEE-46EB-81AE-086DBA22ED0C}" type="parTrans" cxnId="{D8E2CA8D-9C80-4846-90D0-9A912F332979}">
      <dgm:prSet/>
      <dgm:spPr/>
      <dgm:t>
        <a:bodyPr/>
        <a:lstStyle/>
        <a:p>
          <a:endParaRPr lang="en-US"/>
        </a:p>
      </dgm:t>
    </dgm:pt>
    <dgm:pt modelId="{097B2319-D098-4750-8ECB-EEBA8971150C}" type="sibTrans" cxnId="{D8E2CA8D-9C80-4846-90D0-9A912F332979}">
      <dgm:prSet/>
      <dgm:spPr/>
      <dgm:t>
        <a:bodyPr/>
        <a:lstStyle/>
        <a:p>
          <a:endParaRPr lang="en-US"/>
        </a:p>
      </dgm:t>
    </dgm:pt>
    <dgm:pt modelId="{EF8B2CCF-EDD3-4B9A-9179-152DB134FC7B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Non Functional Requirements</a:t>
          </a:r>
        </a:p>
      </dgm:t>
    </dgm:pt>
    <dgm:pt modelId="{C56DF868-3561-41E7-A819-FEA3DDC31104}" type="parTrans" cxnId="{632DB32D-86C7-43BE-843E-D28260DB8F01}">
      <dgm:prSet/>
      <dgm:spPr/>
      <dgm:t>
        <a:bodyPr/>
        <a:lstStyle/>
        <a:p>
          <a:endParaRPr lang="en-US"/>
        </a:p>
      </dgm:t>
    </dgm:pt>
    <dgm:pt modelId="{833C34BA-6D70-47B1-8898-E680343B3D52}" type="sibTrans" cxnId="{632DB32D-86C7-43BE-843E-D28260DB8F01}">
      <dgm:prSet/>
      <dgm:spPr/>
      <dgm:t>
        <a:bodyPr/>
        <a:lstStyle/>
        <a:p>
          <a:endParaRPr lang="en-US"/>
        </a:p>
      </dgm:t>
    </dgm:pt>
    <dgm:pt modelId="{62A72A29-F689-4932-B438-4E05A5A89D36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Documentation</a:t>
          </a:r>
        </a:p>
      </dgm:t>
    </dgm:pt>
    <dgm:pt modelId="{313E18FB-274A-42CF-906F-F879F8992F31}" type="parTrans" cxnId="{7868D7D9-1627-4984-ACA9-C7FE7EE24AA6}">
      <dgm:prSet/>
      <dgm:spPr/>
      <dgm:t>
        <a:bodyPr/>
        <a:lstStyle/>
        <a:p>
          <a:endParaRPr lang="en-US"/>
        </a:p>
      </dgm:t>
    </dgm:pt>
    <dgm:pt modelId="{BEA9F2C3-C97F-4407-9794-AB42C92D61F5}" type="sibTrans" cxnId="{7868D7D9-1627-4984-ACA9-C7FE7EE24AA6}">
      <dgm:prSet/>
      <dgm:spPr/>
      <dgm:t>
        <a:bodyPr/>
        <a:lstStyle/>
        <a:p>
          <a:endParaRPr lang="en-US"/>
        </a:p>
      </dgm:t>
    </dgm:pt>
    <dgm:pt modelId="{BD5A4A0B-0950-40A6-A0DE-97DAD3B2EEB4}">
      <dgm:prSet/>
      <dgm:spPr/>
      <dgm:t>
        <a:bodyPr/>
        <a:lstStyle/>
        <a:p>
          <a:pPr>
            <a:lnSpc>
              <a:spcPct val="100000"/>
            </a:lnSpc>
          </a:pPr>
          <a:endParaRPr lang="en-US" dirty="0"/>
        </a:p>
      </dgm:t>
    </dgm:pt>
    <dgm:pt modelId="{3237F49D-4878-4486-88A0-A0CF935CF3BC}" type="parTrans" cxnId="{025A8339-368F-4950-90FB-07D27FCE0DEF}">
      <dgm:prSet/>
      <dgm:spPr/>
      <dgm:t>
        <a:bodyPr/>
        <a:lstStyle/>
        <a:p>
          <a:endParaRPr lang="en-US"/>
        </a:p>
      </dgm:t>
    </dgm:pt>
    <dgm:pt modelId="{A8939431-044E-4CF1-9D68-9C32C9211908}" type="sibTrans" cxnId="{025A8339-368F-4950-90FB-07D27FCE0DEF}">
      <dgm:prSet/>
      <dgm:spPr/>
      <dgm:t>
        <a:bodyPr/>
        <a:lstStyle/>
        <a:p>
          <a:endParaRPr lang="en-US"/>
        </a:p>
      </dgm:t>
    </dgm:pt>
    <dgm:pt modelId="{99D4FA7C-2C8E-4807-BB10-8CD212774DB8}" type="pres">
      <dgm:prSet presAssocID="{B04DF9DF-FB17-436B-96B6-9A01D84DEB9F}" presName="root" presStyleCnt="0">
        <dgm:presLayoutVars>
          <dgm:dir/>
          <dgm:resizeHandles val="exact"/>
        </dgm:presLayoutVars>
      </dgm:prSet>
      <dgm:spPr/>
    </dgm:pt>
    <dgm:pt modelId="{A22B0FA5-F8F5-4019-ABEC-DBC042630DC0}" type="pres">
      <dgm:prSet presAssocID="{D812BF57-0068-4AD3-890C-0D7943469DB7}" presName="compNode" presStyleCnt="0"/>
      <dgm:spPr/>
    </dgm:pt>
    <dgm:pt modelId="{BAD7950B-28B5-4035-8DBF-3F99405869C4}" type="pres">
      <dgm:prSet presAssocID="{D812BF57-0068-4AD3-890C-0D7943469DB7}" presName="bgRect" presStyleLbl="bgShp" presStyleIdx="0" presStyleCnt="5" custLinFactNeighborX="823" custLinFactNeighborY="-497"/>
      <dgm:spPr/>
    </dgm:pt>
    <dgm:pt modelId="{C81FD593-4F71-4C11-929D-6A44841264D6}" type="pres">
      <dgm:prSet presAssocID="{D812BF57-0068-4AD3-890C-0D7943469DB7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6AEA3E35-3AD3-4728-BAB3-189B8DE54178}" type="pres">
      <dgm:prSet presAssocID="{D812BF57-0068-4AD3-890C-0D7943469DB7}" presName="spaceRect" presStyleCnt="0"/>
      <dgm:spPr/>
    </dgm:pt>
    <dgm:pt modelId="{0D0DB1A4-7621-4006-A93D-4BE52407D288}" type="pres">
      <dgm:prSet presAssocID="{D812BF57-0068-4AD3-890C-0D7943469DB7}" presName="parTx" presStyleLbl="revTx" presStyleIdx="0" presStyleCnt="6">
        <dgm:presLayoutVars>
          <dgm:chMax val="0"/>
          <dgm:chPref val="0"/>
        </dgm:presLayoutVars>
      </dgm:prSet>
      <dgm:spPr/>
    </dgm:pt>
    <dgm:pt modelId="{F33F7CDE-CB4C-45D4-B7AA-6B680EE8D07B}" type="pres">
      <dgm:prSet presAssocID="{07C669C1-0A63-48CE-9E1E-F676F81165A4}" presName="sibTrans" presStyleCnt="0"/>
      <dgm:spPr/>
    </dgm:pt>
    <dgm:pt modelId="{74263F4B-6254-4895-8C46-074A38CA995D}" type="pres">
      <dgm:prSet presAssocID="{2181281C-0041-401B-9E12-E0BDDAB5A9C8}" presName="compNode" presStyleCnt="0"/>
      <dgm:spPr/>
    </dgm:pt>
    <dgm:pt modelId="{E25D2123-2354-43A1-9F29-55CB3A9739EC}" type="pres">
      <dgm:prSet presAssocID="{2181281C-0041-401B-9E12-E0BDDAB5A9C8}" presName="bgRect" presStyleLbl="bgShp" presStyleIdx="1" presStyleCnt="5"/>
      <dgm:spPr/>
    </dgm:pt>
    <dgm:pt modelId="{42AB14FB-A78C-43B8-8008-BC739F508317}" type="pres">
      <dgm:prSet presAssocID="{2181281C-0041-401B-9E12-E0BDDAB5A9C8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mart Phone"/>
        </a:ext>
      </dgm:extLst>
    </dgm:pt>
    <dgm:pt modelId="{A897B0A6-A874-4E2C-9677-99B9080103FE}" type="pres">
      <dgm:prSet presAssocID="{2181281C-0041-401B-9E12-E0BDDAB5A9C8}" presName="spaceRect" presStyleCnt="0"/>
      <dgm:spPr/>
    </dgm:pt>
    <dgm:pt modelId="{61CE178E-4A69-42B0-8255-976596A2095B}" type="pres">
      <dgm:prSet presAssocID="{2181281C-0041-401B-9E12-E0BDDAB5A9C8}" presName="parTx" presStyleLbl="revTx" presStyleIdx="1" presStyleCnt="6">
        <dgm:presLayoutVars>
          <dgm:chMax val="0"/>
          <dgm:chPref val="0"/>
        </dgm:presLayoutVars>
      </dgm:prSet>
      <dgm:spPr/>
    </dgm:pt>
    <dgm:pt modelId="{41EF5725-E64B-4FCF-9B65-75D4E4C8C6AD}" type="pres">
      <dgm:prSet presAssocID="{DD3C99A2-A170-45E9-82A2-908225824D96}" presName="sibTrans" presStyleCnt="0"/>
      <dgm:spPr/>
    </dgm:pt>
    <dgm:pt modelId="{98C7CA45-4B49-4392-BB2F-DFA61CBAADB8}" type="pres">
      <dgm:prSet presAssocID="{70C60898-666D-4D46-B300-C87E6E4C848A}" presName="compNode" presStyleCnt="0"/>
      <dgm:spPr/>
    </dgm:pt>
    <dgm:pt modelId="{203BF26C-DEDD-47FA-8BAD-A74575DD48BF}" type="pres">
      <dgm:prSet presAssocID="{70C60898-666D-4D46-B300-C87E6E4C848A}" presName="bgRect" presStyleLbl="bgShp" presStyleIdx="2" presStyleCnt="5"/>
      <dgm:spPr/>
    </dgm:pt>
    <dgm:pt modelId="{DE8A7817-18C8-4955-9A41-21710B190BDE}" type="pres">
      <dgm:prSet presAssocID="{70C60898-666D-4D46-B300-C87E6E4C848A}" presName="iconRect" presStyleLbl="node1" presStyleIdx="2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B773631E-1C75-4E3B-BFB1-19D8B5751AF1}" type="pres">
      <dgm:prSet presAssocID="{70C60898-666D-4D46-B300-C87E6E4C848A}" presName="spaceRect" presStyleCnt="0"/>
      <dgm:spPr/>
    </dgm:pt>
    <dgm:pt modelId="{43C8D846-0C1F-4FA1-AC81-8EBC39770A12}" type="pres">
      <dgm:prSet presAssocID="{70C60898-666D-4D46-B300-C87E6E4C848A}" presName="parTx" presStyleLbl="revTx" presStyleIdx="2" presStyleCnt="6">
        <dgm:presLayoutVars>
          <dgm:chMax val="0"/>
          <dgm:chPref val="0"/>
        </dgm:presLayoutVars>
      </dgm:prSet>
      <dgm:spPr/>
    </dgm:pt>
    <dgm:pt modelId="{1207B364-3118-431C-9167-820C1E5D8E9B}" type="pres">
      <dgm:prSet presAssocID="{097B2319-D098-4750-8ECB-EEBA8971150C}" presName="sibTrans" presStyleCnt="0"/>
      <dgm:spPr/>
    </dgm:pt>
    <dgm:pt modelId="{03A5AA15-6144-4E77-99D8-325B5942456B}" type="pres">
      <dgm:prSet presAssocID="{EF8B2CCF-EDD3-4B9A-9179-152DB134FC7B}" presName="compNode" presStyleCnt="0"/>
      <dgm:spPr/>
    </dgm:pt>
    <dgm:pt modelId="{B337AA96-259F-400E-AD1C-9D3ABDF21270}" type="pres">
      <dgm:prSet presAssocID="{EF8B2CCF-EDD3-4B9A-9179-152DB134FC7B}" presName="bgRect" presStyleLbl="bgShp" presStyleIdx="3" presStyleCnt="5"/>
      <dgm:spPr/>
    </dgm:pt>
    <dgm:pt modelId="{BAF893AD-A6AD-4B67-954F-4494A7585127}" type="pres">
      <dgm:prSet presAssocID="{EF8B2CCF-EDD3-4B9A-9179-152DB134FC7B}" presName="iconRect" presStyleLbl="node1" presStyleIdx="3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Anchor"/>
        </a:ext>
      </dgm:extLst>
    </dgm:pt>
    <dgm:pt modelId="{68B9B238-2433-4583-8F8D-9643ED7F656E}" type="pres">
      <dgm:prSet presAssocID="{EF8B2CCF-EDD3-4B9A-9179-152DB134FC7B}" presName="spaceRect" presStyleCnt="0"/>
      <dgm:spPr/>
    </dgm:pt>
    <dgm:pt modelId="{731C70AC-B87E-4D18-AFE4-8D9BA7985F1C}" type="pres">
      <dgm:prSet presAssocID="{EF8B2CCF-EDD3-4B9A-9179-152DB134FC7B}" presName="parTx" presStyleLbl="revTx" presStyleIdx="3" presStyleCnt="6">
        <dgm:presLayoutVars>
          <dgm:chMax val="0"/>
          <dgm:chPref val="0"/>
        </dgm:presLayoutVars>
      </dgm:prSet>
      <dgm:spPr/>
    </dgm:pt>
    <dgm:pt modelId="{0998B888-FF1F-4768-B988-AFBFA56F9F7B}" type="pres">
      <dgm:prSet presAssocID="{833C34BA-6D70-47B1-8898-E680343B3D52}" presName="sibTrans" presStyleCnt="0"/>
      <dgm:spPr/>
    </dgm:pt>
    <dgm:pt modelId="{6421B6AD-57C1-4FF7-8B0C-C8AEA84D9194}" type="pres">
      <dgm:prSet presAssocID="{62A72A29-F689-4932-B438-4E05A5A89D36}" presName="compNode" presStyleCnt="0"/>
      <dgm:spPr/>
    </dgm:pt>
    <dgm:pt modelId="{C5C40982-6DFC-485E-AD37-12C244FE968A}" type="pres">
      <dgm:prSet presAssocID="{62A72A29-F689-4932-B438-4E05A5A89D36}" presName="bgRect" presStyleLbl="bgShp" presStyleIdx="4" presStyleCnt="5"/>
      <dgm:spPr/>
    </dgm:pt>
    <dgm:pt modelId="{6126F1E6-E460-4F1D-9D23-E73A132CF259}" type="pres">
      <dgm:prSet presAssocID="{62A72A29-F689-4932-B438-4E05A5A89D36}" presName="iconRect" presStyleLbl="node1" presStyleIdx="4" presStyleCnt="5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Programmer"/>
        </a:ext>
      </dgm:extLst>
    </dgm:pt>
    <dgm:pt modelId="{4BD4F9A5-6733-4A1A-80A7-1A61F0A7DDAA}" type="pres">
      <dgm:prSet presAssocID="{62A72A29-F689-4932-B438-4E05A5A89D36}" presName="spaceRect" presStyleCnt="0"/>
      <dgm:spPr/>
    </dgm:pt>
    <dgm:pt modelId="{E9EF3FC8-8C80-42E5-B533-92A5E047E615}" type="pres">
      <dgm:prSet presAssocID="{62A72A29-F689-4932-B438-4E05A5A89D36}" presName="parTx" presStyleLbl="revTx" presStyleIdx="4" presStyleCnt="6">
        <dgm:presLayoutVars>
          <dgm:chMax val="0"/>
          <dgm:chPref val="0"/>
        </dgm:presLayoutVars>
      </dgm:prSet>
      <dgm:spPr/>
    </dgm:pt>
    <dgm:pt modelId="{85C9D9DB-EA55-47F9-BAF3-FFAEB3DC5BC0}" type="pres">
      <dgm:prSet presAssocID="{62A72A29-F689-4932-B438-4E05A5A89D36}" presName="desTx" presStyleLbl="revTx" presStyleIdx="5" presStyleCnt="6">
        <dgm:presLayoutVars/>
      </dgm:prSet>
      <dgm:spPr/>
    </dgm:pt>
  </dgm:ptLst>
  <dgm:cxnLst>
    <dgm:cxn modelId="{503EF71F-D331-4FC0-A514-4E62AB0B1BE0}" type="presOf" srcId="{D812BF57-0068-4AD3-890C-0D7943469DB7}" destId="{0D0DB1A4-7621-4006-A93D-4BE52407D288}" srcOrd="0" destOrd="0" presId="urn:microsoft.com/office/officeart/2018/2/layout/IconVerticalSolidList"/>
    <dgm:cxn modelId="{632DB32D-86C7-43BE-843E-D28260DB8F01}" srcId="{B04DF9DF-FB17-436B-96B6-9A01D84DEB9F}" destId="{EF8B2CCF-EDD3-4B9A-9179-152DB134FC7B}" srcOrd="3" destOrd="0" parTransId="{C56DF868-3561-41E7-A819-FEA3DDC31104}" sibTransId="{833C34BA-6D70-47B1-8898-E680343B3D52}"/>
    <dgm:cxn modelId="{025A8339-368F-4950-90FB-07D27FCE0DEF}" srcId="{62A72A29-F689-4932-B438-4E05A5A89D36}" destId="{BD5A4A0B-0950-40A6-A0DE-97DAD3B2EEB4}" srcOrd="0" destOrd="0" parTransId="{3237F49D-4878-4486-88A0-A0CF935CF3BC}" sibTransId="{A8939431-044E-4CF1-9D68-9C32C9211908}"/>
    <dgm:cxn modelId="{7E421A7C-0B35-4391-BFDD-FC048C0698F2}" srcId="{B04DF9DF-FB17-436B-96B6-9A01D84DEB9F}" destId="{2181281C-0041-401B-9E12-E0BDDAB5A9C8}" srcOrd="1" destOrd="0" parTransId="{A8B95755-8B5D-4DFE-B90C-B5CDC44AAB3B}" sibTransId="{DD3C99A2-A170-45E9-82A2-908225824D96}"/>
    <dgm:cxn modelId="{AA86518B-42ED-45C5-B138-16E7FDABCC47}" type="presOf" srcId="{EF8B2CCF-EDD3-4B9A-9179-152DB134FC7B}" destId="{731C70AC-B87E-4D18-AFE4-8D9BA7985F1C}" srcOrd="0" destOrd="0" presId="urn:microsoft.com/office/officeart/2018/2/layout/IconVerticalSolidList"/>
    <dgm:cxn modelId="{D8E2CA8D-9C80-4846-90D0-9A912F332979}" srcId="{B04DF9DF-FB17-436B-96B6-9A01D84DEB9F}" destId="{70C60898-666D-4D46-B300-C87E6E4C848A}" srcOrd="2" destOrd="0" parTransId="{9BE8835D-6DEE-46EB-81AE-086DBA22ED0C}" sibTransId="{097B2319-D098-4750-8ECB-EEBA8971150C}"/>
    <dgm:cxn modelId="{21057790-625D-4634-B3FA-44BA275BF790}" type="presOf" srcId="{B04DF9DF-FB17-436B-96B6-9A01D84DEB9F}" destId="{99D4FA7C-2C8E-4807-BB10-8CD212774DB8}" srcOrd="0" destOrd="0" presId="urn:microsoft.com/office/officeart/2018/2/layout/IconVerticalSolidList"/>
    <dgm:cxn modelId="{43A912A7-75DA-431B-B69D-2344EF372ABB}" type="presOf" srcId="{BD5A4A0B-0950-40A6-A0DE-97DAD3B2EEB4}" destId="{85C9D9DB-EA55-47F9-BAF3-FFAEB3DC5BC0}" srcOrd="0" destOrd="0" presId="urn:microsoft.com/office/officeart/2018/2/layout/IconVerticalSolidList"/>
    <dgm:cxn modelId="{E12185AD-92EC-457F-8878-E4864C051023}" type="presOf" srcId="{62A72A29-F689-4932-B438-4E05A5A89D36}" destId="{E9EF3FC8-8C80-42E5-B533-92A5E047E615}" srcOrd="0" destOrd="0" presId="urn:microsoft.com/office/officeart/2018/2/layout/IconVerticalSolidList"/>
    <dgm:cxn modelId="{CC5417CE-1EA0-4998-94AC-CB4A7469D72B}" type="presOf" srcId="{70C60898-666D-4D46-B300-C87E6E4C848A}" destId="{43C8D846-0C1F-4FA1-AC81-8EBC39770A12}" srcOrd="0" destOrd="0" presId="urn:microsoft.com/office/officeart/2018/2/layout/IconVerticalSolidList"/>
    <dgm:cxn modelId="{7868D7D9-1627-4984-ACA9-C7FE7EE24AA6}" srcId="{B04DF9DF-FB17-436B-96B6-9A01D84DEB9F}" destId="{62A72A29-F689-4932-B438-4E05A5A89D36}" srcOrd="4" destOrd="0" parTransId="{313E18FB-274A-42CF-906F-F879F8992F31}" sibTransId="{BEA9F2C3-C97F-4407-9794-AB42C92D61F5}"/>
    <dgm:cxn modelId="{78389DDE-1136-4A9A-AAA6-63760DB21DE2}" srcId="{B04DF9DF-FB17-436B-96B6-9A01D84DEB9F}" destId="{D812BF57-0068-4AD3-890C-0D7943469DB7}" srcOrd="0" destOrd="0" parTransId="{8ABEA716-FE8E-47A7-9079-0FE3EF49141C}" sibTransId="{07C669C1-0A63-48CE-9E1E-F676F81165A4}"/>
    <dgm:cxn modelId="{737C2DF2-6E27-4DE7-91F7-2B86BEC4E48E}" type="presOf" srcId="{2181281C-0041-401B-9E12-E0BDDAB5A9C8}" destId="{61CE178E-4A69-42B0-8255-976596A2095B}" srcOrd="0" destOrd="0" presId="urn:microsoft.com/office/officeart/2018/2/layout/IconVerticalSolidList"/>
    <dgm:cxn modelId="{B5129A48-00DA-4E9F-A9AA-E90DA9100C4E}" type="presParOf" srcId="{99D4FA7C-2C8E-4807-BB10-8CD212774DB8}" destId="{A22B0FA5-F8F5-4019-ABEC-DBC042630DC0}" srcOrd="0" destOrd="0" presId="urn:microsoft.com/office/officeart/2018/2/layout/IconVerticalSolidList"/>
    <dgm:cxn modelId="{57939924-F452-4223-940C-FF8062BB2773}" type="presParOf" srcId="{A22B0FA5-F8F5-4019-ABEC-DBC042630DC0}" destId="{BAD7950B-28B5-4035-8DBF-3F99405869C4}" srcOrd="0" destOrd="0" presId="urn:microsoft.com/office/officeart/2018/2/layout/IconVerticalSolidList"/>
    <dgm:cxn modelId="{9C7A8DB1-09D7-42A6-94E3-A6E38A10670F}" type="presParOf" srcId="{A22B0FA5-F8F5-4019-ABEC-DBC042630DC0}" destId="{C81FD593-4F71-4C11-929D-6A44841264D6}" srcOrd="1" destOrd="0" presId="urn:microsoft.com/office/officeart/2018/2/layout/IconVerticalSolidList"/>
    <dgm:cxn modelId="{9C282F9D-277E-46E6-B775-9CC85A389DCD}" type="presParOf" srcId="{A22B0FA5-F8F5-4019-ABEC-DBC042630DC0}" destId="{6AEA3E35-3AD3-4728-BAB3-189B8DE54178}" srcOrd="2" destOrd="0" presId="urn:microsoft.com/office/officeart/2018/2/layout/IconVerticalSolidList"/>
    <dgm:cxn modelId="{312F9B50-0879-4B37-A426-198AF1E99A4C}" type="presParOf" srcId="{A22B0FA5-F8F5-4019-ABEC-DBC042630DC0}" destId="{0D0DB1A4-7621-4006-A93D-4BE52407D288}" srcOrd="3" destOrd="0" presId="urn:microsoft.com/office/officeart/2018/2/layout/IconVerticalSolidList"/>
    <dgm:cxn modelId="{F0E5A38A-E352-4E3A-8C10-24C8F64AA572}" type="presParOf" srcId="{99D4FA7C-2C8E-4807-BB10-8CD212774DB8}" destId="{F33F7CDE-CB4C-45D4-B7AA-6B680EE8D07B}" srcOrd="1" destOrd="0" presId="urn:microsoft.com/office/officeart/2018/2/layout/IconVerticalSolidList"/>
    <dgm:cxn modelId="{CEFFA9AF-D3A6-4C39-AB91-2AC7504529DB}" type="presParOf" srcId="{99D4FA7C-2C8E-4807-BB10-8CD212774DB8}" destId="{74263F4B-6254-4895-8C46-074A38CA995D}" srcOrd="2" destOrd="0" presId="urn:microsoft.com/office/officeart/2018/2/layout/IconVerticalSolidList"/>
    <dgm:cxn modelId="{876F4A8C-F565-4C64-9403-8A77DEAAB69E}" type="presParOf" srcId="{74263F4B-6254-4895-8C46-074A38CA995D}" destId="{E25D2123-2354-43A1-9F29-55CB3A9739EC}" srcOrd="0" destOrd="0" presId="urn:microsoft.com/office/officeart/2018/2/layout/IconVerticalSolidList"/>
    <dgm:cxn modelId="{C4738087-7F88-4D89-B6D2-7D5652BF867F}" type="presParOf" srcId="{74263F4B-6254-4895-8C46-074A38CA995D}" destId="{42AB14FB-A78C-43B8-8008-BC739F508317}" srcOrd="1" destOrd="0" presId="urn:microsoft.com/office/officeart/2018/2/layout/IconVerticalSolidList"/>
    <dgm:cxn modelId="{67980FF9-3084-4F70-987D-8F3C692C59F7}" type="presParOf" srcId="{74263F4B-6254-4895-8C46-074A38CA995D}" destId="{A897B0A6-A874-4E2C-9677-99B9080103FE}" srcOrd="2" destOrd="0" presId="urn:microsoft.com/office/officeart/2018/2/layout/IconVerticalSolidList"/>
    <dgm:cxn modelId="{CEE57D77-7B2C-4016-BEA3-CB84042C6C21}" type="presParOf" srcId="{74263F4B-6254-4895-8C46-074A38CA995D}" destId="{61CE178E-4A69-42B0-8255-976596A2095B}" srcOrd="3" destOrd="0" presId="urn:microsoft.com/office/officeart/2018/2/layout/IconVerticalSolidList"/>
    <dgm:cxn modelId="{99FF71DC-9A77-49EB-929D-0000671D5CAB}" type="presParOf" srcId="{99D4FA7C-2C8E-4807-BB10-8CD212774DB8}" destId="{41EF5725-E64B-4FCF-9B65-75D4E4C8C6AD}" srcOrd="3" destOrd="0" presId="urn:microsoft.com/office/officeart/2018/2/layout/IconVerticalSolidList"/>
    <dgm:cxn modelId="{258F75A1-E957-48CD-8CD2-C09748DDF203}" type="presParOf" srcId="{99D4FA7C-2C8E-4807-BB10-8CD212774DB8}" destId="{98C7CA45-4B49-4392-BB2F-DFA61CBAADB8}" srcOrd="4" destOrd="0" presId="urn:microsoft.com/office/officeart/2018/2/layout/IconVerticalSolidList"/>
    <dgm:cxn modelId="{1371933D-0F3C-474A-888D-D9F294567E25}" type="presParOf" srcId="{98C7CA45-4B49-4392-BB2F-DFA61CBAADB8}" destId="{203BF26C-DEDD-47FA-8BAD-A74575DD48BF}" srcOrd="0" destOrd="0" presId="urn:microsoft.com/office/officeart/2018/2/layout/IconVerticalSolidList"/>
    <dgm:cxn modelId="{5503AA0C-74E8-4A04-B8D2-140CD391929E}" type="presParOf" srcId="{98C7CA45-4B49-4392-BB2F-DFA61CBAADB8}" destId="{DE8A7817-18C8-4955-9A41-21710B190BDE}" srcOrd="1" destOrd="0" presId="urn:microsoft.com/office/officeart/2018/2/layout/IconVerticalSolidList"/>
    <dgm:cxn modelId="{F9064105-43DA-496D-9BE4-F59509575790}" type="presParOf" srcId="{98C7CA45-4B49-4392-BB2F-DFA61CBAADB8}" destId="{B773631E-1C75-4E3B-BFB1-19D8B5751AF1}" srcOrd="2" destOrd="0" presId="urn:microsoft.com/office/officeart/2018/2/layout/IconVerticalSolidList"/>
    <dgm:cxn modelId="{11FE679F-1F07-458A-A52C-BC09CB79E04B}" type="presParOf" srcId="{98C7CA45-4B49-4392-BB2F-DFA61CBAADB8}" destId="{43C8D846-0C1F-4FA1-AC81-8EBC39770A12}" srcOrd="3" destOrd="0" presId="urn:microsoft.com/office/officeart/2018/2/layout/IconVerticalSolidList"/>
    <dgm:cxn modelId="{9678327F-0903-4C04-88C4-EBD87820A510}" type="presParOf" srcId="{99D4FA7C-2C8E-4807-BB10-8CD212774DB8}" destId="{1207B364-3118-431C-9167-820C1E5D8E9B}" srcOrd="5" destOrd="0" presId="urn:microsoft.com/office/officeart/2018/2/layout/IconVerticalSolidList"/>
    <dgm:cxn modelId="{2201A1CF-BD6F-4E9F-93CE-85CE957395E6}" type="presParOf" srcId="{99D4FA7C-2C8E-4807-BB10-8CD212774DB8}" destId="{03A5AA15-6144-4E77-99D8-325B5942456B}" srcOrd="6" destOrd="0" presId="urn:microsoft.com/office/officeart/2018/2/layout/IconVerticalSolidList"/>
    <dgm:cxn modelId="{8FCC40A2-A837-4615-89C4-3C371CA1284F}" type="presParOf" srcId="{03A5AA15-6144-4E77-99D8-325B5942456B}" destId="{B337AA96-259F-400E-AD1C-9D3ABDF21270}" srcOrd="0" destOrd="0" presId="urn:microsoft.com/office/officeart/2018/2/layout/IconVerticalSolidList"/>
    <dgm:cxn modelId="{A818C8DF-BAED-4D0F-AA4F-C415757B915E}" type="presParOf" srcId="{03A5AA15-6144-4E77-99D8-325B5942456B}" destId="{BAF893AD-A6AD-4B67-954F-4494A7585127}" srcOrd="1" destOrd="0" presId="urn:microsoft.com/office/officeart/2018/2/layout/IconVerticalSolidList"/>
    <dgm:cxn modelId="{5EB84815-6CC2-47E8-ADC0-1FBBA4E5D29F}" type="presParOf" srcId="{03A5AA15-6144-4E77-99D8-325B5942456B}" destId="{68B9B238-2433-4583-8F8D-9643ED7F656E}" srcOrd="2" destOrd="0" presId="urn:microsoft.com/office/officeart/2018/2/layout/IconVerticalSolidList"/>
    <dgm:cxn modelId="{A176E925-9769-47D8-8803-A63900663651}" type="presParOf" srcId="{03A5AA15-6144-4E77-99D8-325B5942456B}" destId="{731C70AC-B87E-4D18-AFE4-8D9BA7985F1C}" srcOrd="3" destOrd="0" presId="urn:microsoft.com/office/officeart/2018/2/layout/IconVerticalSolidList"/>
    <dgm:cxn modelId="{6422551C-FA17-4A32-BECA-E7CCF42D4A48}" type="presParOf" srcId="{99D4FA7C-2C8E-4807-BB10-8CD212774DB8}" destId="{0998B888-FF1F-4768-B988-AFBFA56F9F7B}" srcOrd="7" destOrd="0" presId="urn:microsoft.com/office/officeart/2018/2/layout/IconVerticalSolidList"/>
    <dgm:cxn modelId="{95E85140-97B6-43A9-A410-A470181EC200}" type="presParOf" srcId="{99D4FA7C-2C8E-4807-BB10-8CD212774DB8}" destId="{6421B6AD-57C1-4FF7-8B0C-C8AEA84D9194}" srcOrd="8" destOrd="0" presId="urn:microsoft.com/office/officeart/2018/2/layout/IconVerticalSolidList"/>
    <dgm:cxn modelId="{EC37F4C8-B41F-4E27-9957-B2087F1688F0}" type="presParOf" srcId="{6421B6AD-57C1-4FF7-8B0C-C8AEA84D9194}" destId="{C5C40982-6DFC-485E-AD37-12C244FE968A}" srcOrd="0" destOrd="0" presId="urn:microsoft.com/office/officeart/2018/2/layout/IconVerticalSolidList"/>
    <dgm:cxn modelId="{E3D6CB12-A317-421D-B33C-77C70CA9DE36}" type="presParOf" srcId="{6421B6AD-57C1-4FF7-8B0C-C8AEA84D9194}" destId="{6126F1E6-E460-4F1D-9D23-E73A132CF259}" srcOrd="1" destOrd="0" presId="urn:microsoft.com/office/officeart/2018/2/layout/IconVerticalSolidList"/>
    <dgm:cxn modelId="{4E198E14-02CA-4D42-AEC9-2AC31BBFE2B7}" type="presParOf" srcId="{6421B6AD-57C1-4FF7-8B0C-C8AEA84D9194}" destId="{4BD4F9A5-6733-4A1A-80A7-1A61F0A7DDAA}" srcOrd="2" destOrd="0" presId="urn:microsoft.com/office/officeart/2018/2/layout/IconVerticalSolidList"/>
    <dgm:cxn modelId="{00994796-E0B5-4DC0-B722-70152B0E5E97}" type="presParOf" srcId="{6421B6AD-57C1-4FF7-8B0C-C8AEA84D9194}" destId="{E9EF3FC8-8C80-42E5-B533-92A5E047E615}" srcOrd="3" destOrd="0" presId="urn:microsoft.com/office/officeart/2018/2/layout/IconVerticalSolidList"/>
    <dgm:cxn modelId="{765C95C9-A54F-4B58-BA50-04D468995332}" type="presParOf" srcId="{6421B6AD-57C1-4FF7-8B0C-C8AEA84D9194}" destId="{85C9D9DB-EA55-47F9-BAF3-FFAEB3DC5BC0}" srcOrd="4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AD7950B-28B5-4035-8DBF-3F99405869C4}">
      <dsp:nvSpPr>
        <dsp:cNvPr id="0" name=""/>
        <dsp:cNvSpPr/>
      </dsp:nvSpPr>
      <dsp:spPr>
        <a:xfrm>
          <a:off x="0" y="0"/>
          <a:ext cx="9403649" cy="746388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81FD593-4F71-4C11-929D-6A44841264D6}">
      <dsp:nvSpPr>
        <dsp:cNvPr id="0" name=""/>
        <dsp:cNvSpPr/>
      </dsp:nvSpPr>
      <dsp:spPr>
        <a:xfrm>
          <a:off x="225782" y="171441"/>
          <a:ext cx="410513" cy="410513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D0DB1A4-7621-4006-A93D-4BE52407D288}">
      <dsp:nvSpPr>
        <dsp:cNvPr id="0" name=""/>
        <dsp:cNvSpPr/>
      </dsp:nvSpPr>
      <dsp:spPr>
        <a:xfrm>
          <a:off x="862078" y="3504"/>
          <a:ext cx="8541571" cy="7463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993" tIns="78993" rIns="78993" bIns="78993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Tech Stack used</a:t>
          </a:r>
        </a:p>
      </dsp:txBody>
      <dsp:txXfrm>
        <a:off x="862078" y="3504"/>
        <a:ext cx="8541571" cy="746388"/>
      </dsp:txXfrm>
    </dsp:sp>
    <dsp:sp modelId="{E25D2123-2354-43A1-9F29-55CB3A9739EC}">
      <dsp:nvSpPr>
        <dsp:cNvPr id="0" name=""/>
        <dsp:cNvSpPr/>
      </dsp:nvSpPr>
      <dsp:spPr>
        <a:xfrm>
          <a:off x="0" y="936489"/>
          <a:ext cx="9403649" cy="746388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2AB14FB-A78C-43B8-8008-BC739F508317}">
      <dsp:nvSpPr>
        <dsp:cNvPr id="0" name=""/>
        <dsp:cNvSpPr/>
      </dsp:nvSpPr>
      <dsp:spPr>
        <a:xfrm>
          <a:off x="225782" y="1104426"/>
          <a:ext cx="410513" cy="410513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1CE178E-4A69-42B0-8255-976596A2095B}">
      <dsp:nvSpPr>
        <dsp:cNvPr id="0" name=""/>
        <dsp:cNvSpPr/>
      </dsp:nvSpPr>
      <dsp:spPr>
        <a:xfrm>
          <a:off x="862078" y="936489"/>
          <a:ext cx="8541571" cy="7463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993" tIns="78993" rIns="78993" bIns="78993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Architecture (System, Data &amp; Integration)</a:t>
          </a:r>
        </a:p>
      </dsp:txBody>
      <dsp:txXfrm>
        <a:off x="862078" y="936489"/>
        <a:ext cx="8541571" cy="746388"/>
      </dsp:txXfrm>
    </dsp:sp>
    <dsp:sp modelId="{203BF26C-DEDD-47FA-8BAD-A74575DD48BF}">
      <dsp:nvSpPr>
        <dsp:cNvPr id="0" name=""/>
        <dsp:cNvSpPr/>
      </dsp:nvSpPr>
      <dsp:spPr>
        <a:xfrm>
          <a:off x="0" y="1869474"/>
          <a:ext cx="9403649" cy="746388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E8A7817-18C8-4955-9A41-21710B190BDE}">
      <dsp:nvSpPr>
        <dsp:cNvPr id="0" name=""/>
        <dsp:cNvSpPr/>
      </dsp:nvSpPr>
      <dsp:spPr>
        <a:xfrm>
          <a:off x="225782" y="2037412"/>
          <a:ext cx="410513" cy="410513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C8D846-0C1F-4FA1-AC81-8EBC39770A12}">
      <dsp:nvSpPr>
        <dsp:cNvPr id="0" name=""/>
        <dsp:cNvSpPr/>
      </dsp:nvSpPr>
      <dsp:spPr>
        <a:xfrm>
          <a:off x="862078" y="1869474"/>
          <a:ext cx="8541571" cy="7463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993" tIns="78993" rIns="78993" bIns="78993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Build &amp; Deployment (Config management and release pipeline)</a:t>
          </a:r>
        </a:p>
      </dsp:txBody>
      <dsp:txXfrm>
        <a:off x="862078" y="1869474"/>
        <a:ext cx="8541571" cy="746388"/>
      </dsp:txXfrm>
    </dsp:sp>
    <dsp:sp modelId="{B337AA96-259F-400E-AD1C-9D3ABDF21270}">
      <dsp:nvSpPr>
        <dsp:cNvPr id="0" name=""/>
        <dsp:cNvSpPr/>
      </dsp:nvSpPr>
      <dsp:spPr>
        <a:xfrm>
          <a:off x="0" y="2802460"/>
          <a:ext cx="9403649" cy="746388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AF893AD-A6AD-4B67-954F-4494A7585127}">
      <dsp:nvSpPr>
        <dsp:cNvPr id="0" name=""/>
        <dsp:cNvSpPr/>
      </dsp:nvSpPr>
      <dsp:spPr>
        <a:xfrm>
          <a:off x="225782" y="2970397"/>
          <a:ext cx="410513" cy="410513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31C70AC-B87E-4D18-AFE4-8D9BA7985F1C}">
      <dsp:nvSpPr>
        <dsp:cNvPr id="0" name=""/>
        <dsp:cNvSpPr/>
      </dsp:nvSpPr>
      <dsp:spPr>
        <a:xfrm>
          <a:off x="862078" y="2802460"/>
          <a:ext cx="8541571" cy="7463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993" tIns="78993" rIns="78993" bIns="78993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Non Functional Requirements</a:t>
          </a:r>
        </a:p>
      </dsp:txBody>
      <dsp:txXfrm>
        <a:off x="862078" y="2802460"/>
        <a:ext cx="8541571" cy="746388"/>
      </dsp:txXfrm>
    </dsp:sp>
    <dsp:sp modelId="{C5C40982-6DFC-485E-AD37-12C244FE968A}">
      <dsp:nvSpPr>
        <dsp:cNvPr id="0" name=""/>
        <dsp:cNvSpPr/>
      </dsp:nvSpPr>
      <dsp:spPr>
        <a:xfrm>
          <a:off x="0" y="3735445"/>
          <a:ext cx="9403649" cy="746388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126F1E6-E460-4F1D-9D23-E73A132CF259}">
      <dsp:nvSpPr>
        <dsp:cNvPr id="0" name=""/>
        <dsp:cNvSpPr/>
      </dsp:nvSpPr>
      <dsp:spPr>
        <a:xfrm>
          <a:off x="225782" y="3903382"/>
          <a:ext cx="410513" cy="410513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EF3FC8-8C80-42E5-B533-92A5E047E615}">
      <dsp:nvSpPr>
        <dsp:cNvPr id="0" name=""/>
        <dsp:cNvSpPr/>
      </dsp:nvSpPr>
      <dsp:spPr>
        <a:xfrm>
          <a:off x="862078" y="3735445"/>
          <a:ext cx="4231642" cy="7463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993" tIns="78993" rIns="78993" bIns="78993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Documentation</a:t>
          </a:r>
        </a:p>
      </dsp:txBody>
      <dsp:txXfrm>
        <a:off x="862078" y="3735445"/>
        <a:ext cx="4231642" cy="746388"/>
      </dsp:txXfrm>
    </dsp:sp>
    <dsp:sp modelId="{85C9D9DB-EA55-47F9-BAF3-FFAEB3DC5BC0}">
      <dsp:nvSpPr>
        <dsp:cNvPr id="0" name=""/>
        <dsp:cNvSpPr/>
      </dsp:nvSpPr>
      <dsp:spPr>
        <a:xfrm>
          <a:off x="5093720" y="3735445"/>
          <a:ext cx="4309929" cy="7463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993" tIns="78993" rIns="78993" bIns="78993" numCol="1" spcCol="1270" anchor="ctr" anchorCtr="0">
          <a:noAutofit/>
        </a:bodyPr>
        <a:lstStyle/>
        <a:p>
          <a:pPr marL="0" lvl="0" indent="0" algn="l" defTabSz="8001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800" kern="1200" dirty="0"/>
        </a:p>
      </dsp:txBody>
      <dsp:txXfrm>
        <a:off x="5093720" y="3735445"/>
        <a:ext cx="4309929" cy="74638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7B749C9-B992-42C4-AE3C-CA787E4E06B1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2D7071D-1A1D-4238-9264-85BF19C1AA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1600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4" name="Google Shape;314;p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15" name="Google Shape;315;p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2D7071D-1A1D-4238-9264-85BF19C1AA8A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455537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© Copyright </a:t>
            </a:r>
            <a:r>
              <a:rPr lang="en-US" b="1" dirty="0" err="1"/>
              <a:t>PresentationGO.com</a:t>
            </a:r>
            <a:r>
              <a:rPr lang="en-US" dirty="0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72292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2D7071D-1A1D-4238-9264-85BF19C1AA8A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715825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2D7071D-1A1D-4238-9264-85BF19C1AA8A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2423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2D7071D-1A1D-4238-9264-85BF19C1AA8A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16565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2D7071D-1A1D-4238-9264-85BF19C1AA8A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671400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2D7071D-1A1D-4238-9264-85BF19C1AA8A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52804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996918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837759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741945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- Bl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1" y="5845180"/>
            <a:ext cx="5592011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800" b="1">
                <a:solidFill>
                  <a:schemeClr val="bg1"/>
                </a:solidFill>
              </a:defRPr>
            </a:lvl1pPr>
            <a:lvl2pPr marL="0" indent="0" algn="l">
              <a:buNone/>
              <a:defRPr sz="1600" b="0">
                <a:solidFill>
                  <a:schemeClr val="bg1"/>
                </a:solidFill>
              </a:defRPr>
            </a:lvl2pPr>
            <a:lvl3pPr marL="1219140" indent="0" algn="ctr">
              <a:buNone/>
              <a:defRPr sz="2400"/>
            </a:lvl3pPr>
            <a:lvl4pPr marL="1828709" indent="0" algn="ctr">
              <a:buNone/>
              <a:defRPr sz="2133"/>
            </a:lvl4pPr>
            <a:lvl5pPr marL="2438278" indent="0" algn="ctr">
              <a:buNone/>
              <a:defRPr sz="2133"/>
            </a:lvl5pPr>
            <a:lvl6pPr marL="3047848" indent="0" algn="ctr">
              <a:buNone/>
              <a:defRPr sz="2133"/>
            </a:lvl6pPr>
            <a:lvl7pPr marL="3657418" indent="0" algn="ctr">
              <a:buNone/>
              <a:defRPr sz="2133"/>
            </a:lvl7pPr>
            <a:lvl8pPr marL="4266987" indent="0" algn="ctr">
              <a:buNone/>
              <a:defRPr sz="2133"/>
            </a:lvl8pPr>
            <a:lvl9pPr marL="4876557" indent="0" algn="ctr">
              <a:buNone/>
              <a:defRPr sz="2133"/>
            </a:lvl9pPr>
          </a:lstStyle>
          <a:p>
            <a:r>
              <a:rPr lang="en-US" noProof="0"/>
              <a:t>Click to edit Master title style</a:t>
            </a:r>
          </a:p>
          <a:p>
            <a:pPr lvl="1"/>
            <a:r>
              <a:rPr lang="en-US" noProof="0"/>
              <a:t>Click to edit Master sub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200" y="6362700"/>
            <a:ext cx="5594349" cy="298451"/>
          </a:xfrm>
          <a:prstGeom prst="rect">
            <a:avLst/>
          </a:prstGeom>
        </p:spPr>
        <p:txBody>
          <a:bodyPr/>
          <a:lstStyle>
            <a:lvl1pPr>
              <a:spcAft>
                <a:spcPts val="0"/>
              </a:spcAft>
              <a:defRPr sz="1051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</p:txBody>
      </p:sp>
      <p:grpSp>
        <p:nvGrpSpPr>
          <p:cNvPr id="22" name="Group 21"/>
          <p:cNvGrpSpPr>
            <a:grpSpLocks noChangeAspect="1"/>
          </p:cNvGrpSpPr>
          <p:nvPr userDrawn="1"/>
        </p:nvGrpSpPr>
        <p:grpSpPr>
          <a:xfrm>
            <a:off x="469900" y="457761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23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4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5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6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7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8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29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0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1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  <p:sp>
          <p:nvSpPr>
            <p:cNvPr id="32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>
                <a:solidFill>
                  <a:schemeClr val="bg1"/>
                </a:solidFill>
              </a:endParaRPr>
            </a:p>
          </p:txBody>
        </p:sp>
      </p:grpSp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/>
          <a:p>
            <a:r>
              <a:rPr lang="en-US" noProof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7205840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15303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99414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48396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78201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07129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6330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6475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/>
              <a:t>Click icon to add pictur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58086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6D23621-761B-4550-90B2-C40F63861387}" type="datetimeFigureOut">
              <a:rPr lang="en-US" smtClean="0"/>
              <a:t>12/1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4BE555C-2A3F-46C3-9E02-B0523E75F4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19998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3" r:id="rId1"/>
    <p:sldLayoutId id="2147483854" r:id="rId2"/>
    <p:sldLayoutId id="2147483855" r:id="rId3"/>
    <p:sldLayoutId id="2147483856" r:id="rId4"/>
    <p:sldLayoutId id="2147483857" r:id="rId5"/>
    <p:sldLayoutId id="2147483858" r:id="rId6"/>
    <p:sldLayoutId id="2147483859" r:id="rId7"/>
    <p:sldLayoutId id="2147483860" r:id="rId8"/>
    <p:sldLayoutId id="2147483861" r:id="rId9"/>
    <p:sldLayoutId id="2147483862" r:id="rId10"/>
    <p:sldLayoutId id="2147483863" r:id="rId11"/>
    <p:sldLayoutId id="2147483864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7" Type="http://schemas.openxmlformats.org/officeDocument/2006/relationships/image" Target="../media/image3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2.png"/><Relationship Id="rId5" Type="http://schemas.openxmlformats.org/officeDocument/2006/relationships/image" Target="../media/image1.jpeg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27.emf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notesSlide" Target="../notesSlides/notesSlide3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svg"/><Relationship Id="rId13" Type="http://schemas.openxmlformats.org/officeDocument/2006/relationships/image" Target="../media/image24.png"/><Relationship Id="rId18" Type="http://schemas.openxmlformats.org/officeDocument/2006/relationships/image" Target="../media/image26.jpeg"/><Relationship Id="rId3" Type="http://schemas.openxmlformats.org/officeDocument/2006/relationships/image" Target="../media/image14.png"/><Relationship Id="rId7" Type="http://schemas.openxmlformats.org/officeDocument/2006/relationships/image" Target="../media/image18.png"/><Relationship Id="rId12" Type="http://schemas.openxmlformats.org/officeDocument/2006/relationships/image" Target="../media/image23.svg"/><Relationship Id="rId17" Type="http://schemas.openxmlformats.org/officeDocument/2006/relationships/hyperlink" Target="https://android4stores.blogspot.com/2015/01/click-ui-icon-pack-v35-apk.html" TargetMode="External"/><Relationship Id="rId2" Type="http://schemas.microsoft.com/office/2018/10/relationships/comments" Target="../comments/modernComment_162_E7118D06.xml"/><Relationship Id="rId16" Type="http://schemas.openxmlformats.org/officeDocument/2006/relationships/image" Target="../media/image25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7.svg"/><Relationship Id="rId11" Type="http://schemas.openxmlformats.org/officeDocument/2006/relationships/image" Target="../media/image22.png"/><Relationship Id="rId5" Type="http://schemas.openxmlformats.org/officeDocument/2006/relationships/image" Target="../media/image16.png"/><Relationship Id="rId15" Type="http://schemas.openxmlformats.org/officeDocument/2006/relationships/hyperlink" Target="https://creativecommons.org/licenses/by-nc/3.0/" TargetMode="External"/><Relationship Id="rId10" Type="http://schemas.openxmlformats.org/officeDocument/2006/relationships/image" Target="../media/image21.svg"/><Relationship Id="rId19" Type="http://schemas.openxmlformats.org/officeDocument/2006/relationships/hyperlink" Target="https://www.digitalocean.com/community/tutorials/react-server-side-rendering" TargetMode="External"/><Relationship Id="rId4" Type="http://schemas.openxmlformats.org/officeDocument/2006/relationships/image" Target="../media/image15.svg"/><Relationship Id="rId9" Type="http://schemas.openxmlformats.org/officeDocument/2006/relationships/image" Target="../media/image20.png"/><Relationship Id="rId14" Type="http://schemas.openxmlformats.org/officeDocument/2006/relationships/hyperlink" Target="https://freepngimg.com/png/11639-database-png" TargetMode="Externa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9" name="Google Shape;319;p60"/>
          <p:cNvSpPr/>
          <p:nvPr/>
        </p:nvSpPr>
        <p:spPr>
          <a:xfrm rot="-5400000" flipH="1">
            <a:off x="4997434" y="-146933"/>
            <a:ext cx="5861100" cy="7738433"/>
          </a:xfrm>
          <a:prstGeom prst="flowChartManualInput">
            <a:avLst/>
          </a:prstGeom>
          <a:solidFill>
            <a:srgbClr val="FFFFFF"/>
          </a:solidFill>
          <a:ln>
            <a:noFill/>
          </a:ln>
          <a:effectLst>
            <a:outerShdw blurRad="228600" algn="bl" rotWithShape="0">
              <a:srgbClr val="000000">
                <a:alpha val="34000"/>
              </a:srgbClr>
            </a:outerShdw>
          </a:effectLst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 dirty="0"/>
          </a:p>
        </p:txBody>
      </p:sp>
      <p:pic>
        <p:nvPicPr>
          <p:cNvPr id="320" name="Google Shape;320;p60"/>
          <p:cNvPicPr preferRelativeResize="0"/>
          <p:nvPr/>
        </p:nvPicPr>
        <p:blipFill rotWithShape="1">
          <a:blip r:embed="rId5">
            <a:alphaModFix/>
          </a:blip>
          <a:srcRect l="21493" r="21493"/>
          <a:stretch/>
        </p:blipFill>
        <p:spPr>
          <a:xfrm rot="5400000" flipH="1">
            <a:off x="1097855" y="496330"/>
            <a:ext cx="5106264" cy="6795841"/>
          </a:xfrm>
          <a:prstGeom prst="flowChartManualInput">
            <a:avLst/>
          </a:prstGeom>
          <a:noFill/>
          <a:ln>
            <a:noFill/>
          </a:ln>
          <a:effectLst>
            <a:outerShdw blurRad="157163" dist="76200" dir="3300000" algn="bl" rotWithShape="0">
              <a:srgbClr val="000000">
                <a:alpha val="46000"/>
              </a:srgbClr>
            </a:outerShdw>
          </a:effectLst>
        </p:spPr>
      </p:pic>
      <p:sp>
        <p:nvSpPr>
          <p:cNvPr id="321" name="Google Shape;321;p60"/>
          <p:cNvSpPr/>
          <p:nvPr/>
        </p:nvSpPr>
        <p:spPr>
          <a:xfrm rot="5400000" flipH="1">
            <a:off x="1081777" y="503236"/>
            <a:ext cx="5120080" cy="6795843"/>
          </a:xfrm>
          <a:prstGeom prst="flowChartManualInput">
            <a:avLst/>
          </a:prstGeom>
          <a:solidFill>
            <a:srgbClr val="000000">
              <a:alpha val="89890"/>
            </a:srgbClr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 dirty="0"/>
          </a:p>
        </p:txBody>
      </p:sp>
      <p:sp>
        <p:nvSpPr>
          <p:cNvPr id="322" name="Google Shape;322;p60"/>
          <p:cNvSpPr txBox="1"/>
          <p:nvPr/>
        </p:nvSpPr>
        <p:spPr>
          <a:xfrm>
            <a:off x="394800" y="1948717"/>
            <a:ext cx="5770800" cy="1877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algn="ctr"/>
            <a:r>
              <a:rPr lang="en-US" sz="6267" dirty="0">
                <a:solidFill>
                  <a:srgbClr val="FF7700"/>
                </a:solidFill>
                <a:latin typeface="Roboto Condensed Light"/>
                <a:ea typeface="Roboto Condensed Light"/>
                <a:cs typeface="Roboto Condensed Light"/>
                <a:sym typeface="Roboto Condensed Light"/>
              </a:rPr>
              <a:t> Murder Board - Technology </a:t>
            </a:r>
          </a:p>
        </p:txBody>
      </p:sp>
      <p:pic>
        <p:nvPicPr>
          <p:cNvPr id="326" name="Google Shape;326;p60"/>
          <p:cNvPicPr preferRelativeResize="0"/>
          <p:nvPr/>
        </p:nvPicPr>
        <p:blipFill rotWithShape="1">
          <a:blip r:embed="rId6">
            <a:alphaModFix/>
          </a:blip>
          <a:srcRect l="-5454" t="-9012" r="-5632" b="-10834"/>
          <a:stretch/>
        </p:blipFill>
        <p:spPr>
          <a:xfrm>
            <a:off x="7800167" y="2420100"/>
            <a:ext cx="2677619" cy="934435"/>
          </a:xfrm>
          <a:prstGeom prst="rect">
            <a:avLst/>
          </a:prstGeom>
          <a:noFill/>
          <a:ln>
            <a:noFill/>
          </a:ln>
        </p:spPr>
      </p:pic>
      <p:pic>
        <p:nvPicPr>
          <p:cNvPr id="13" name="Video 4" title="Moving Gears">
            <a:hlinkClick r:id="" action="ppaction://media"/>
            <a:extLst>
              <a:ext uri="{FF2B5EF4-FFF2-40B4-BE49-F238E27FC236}">
                <a16:creationId xmlns:a16="http://schemas.microsoft.com/office/drawing/2014/main" id="{1332724F-A08F-40C9-81E8-FBABFF27E033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6927575" y="3503467"/>
            <a:ext cx="4422803" cy="2487827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9856" fill="hold"/>
                                        <p:tgtEl>
                                          <p:spTgt spid="1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1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1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3"/>
                  </p:tgtEl>
                </p:cond>
              </p:nextCondLst>
            </p:seq>
            <p:video>
              <p:cMediaNode vol="80000" mute="1">
                <p:cTn id="12" repeatCount="indefinite" fill="hold" display="0">
                  <p:stCondLst>
                    <p:cond delay="indefinite"/>
                  </p:stCondLst>
                </p:cTn>
                <p:tgtEl>
                  <p:spTgt spid="13"/>
                </p:tgtEl>
              </p:cMediaNode>
            </p:video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0CFB47-FF1D-F8D1-53B6-14D2BEF1E1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I Integration + Third Party Integrat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0D082EB-7A18-EC21-7F2E-A631AB19BF31}"/>
              </a:ext>
            </a:extLst>
          </p:cNvPr>
          <p:cNvSpPr txBox="1"/>
          <p:nvPr/>
        </p:nvSpPr>
        <p:spPr>
          <a:xfrm>
            <a:off x="1355941" y="1690688"/>
            <a:ext cx="5671159" cy="1015663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Api layer details (REST, SOAP etc.)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Third party integration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2583251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0CFB47-FF1D-F8D1-53B6-14D2BEF1E1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Integrat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7D4A8F1-6501-AD91-A876-7B7643CAD85F}"/>
              </a:ext>
            </a:extLst>
          </p:cNvPr>
          <p:cNvSpPr txBox="1"/>
          <p:nvPr/>
        </p:nvSpPr>
        <p:spPr>
          <a:xfrm>
            <a:off x="1355941" y="1690688"/>
            <a:ext cx="5671159" cy="1384995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Data sharing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treaming data flow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Batch Data flow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User input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429957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9FD1E-8CF3-F067-E227-B4C13D3C68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erformance Metric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BB5D87B-1172-EE13-968A-D6876C7AEB16}"/>
              </a:ext>
            </a:extLst>
          </p:cNvPr>
          <p:cNvSpPr txBox="1"/>
          <p:nvPr/>
        </p:nvSpPr>
        <p:spPr>
          <a:xfrm>
            <a:off x="1355941" y="1690688"/>
            <a:ext cx="5671159" cy="1200329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Core API performance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Aggregation Layer performance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7936264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9FD1E-8CF3-F067-E227-B4C13D3C68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I Security (Authentication + Authorization) 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DE0F411-9435-BC67-068D-2AF0B9EAFCE7}"/>
              </a:ext>
            </a:extLst>
          </p:cNvPr>
          <p:cNvSpPr txBox="1"/>
          <p:nvPr/>
        </p:nvSpPr>
        <p:spPr>
          <a:xfrm>
            <a:off x="1355941" y="1690688"/>
            <a:ext cx="5671159" cy="1200329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API Authentication &amp; Autherization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449438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0CFB47-FF1D-F8D1-53B6-14D2BEF1E1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Tools &amp; Setup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2D34134-BFBE-D8E3-69BF-87F6822000E8}"/>
              </a:ext>
            </a:extLst>
          </p:cNvPr>
          <p:cNvSpPr txBox="1"/>
          <p:nvPr/>
        </p:nvSpPr>
        <p:spPr>
          <a:xfrm>
            <a:off x="1355941" y="1690688"/>
            <a:ext cx="5671159" cy="1384995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Development Environment IDE, Data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CM tools 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ervers  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Unit testing 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Code reviews (Autmated and manual)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3101299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347662" y="1247337"/>
            <a:ext cx="0" cy="83111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7340328" y="1207882"/>
            <a:ext cx="977703" cy="331739"/>
            <a:chOff x="7785295" y="939169"/>
            <a:chExt cx="1026195" cy="442318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 dirty="0"/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67390" cy="430887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10 Aug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11181858" y="1614044"/>
            <a:ext cx="0" cy="506933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11181858" y="1517337"/>
            <a:ext cx="822101" cy="331739"/>
            <a:chOff x="7785312" y="939167"/>
            <a:chExt cx="862877" cy="442318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 rot="16200000" flipV="1">
              <a:off x="7782041" y="942438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 dirty="0"/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604089" cy="430885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5 Dec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9342" y="333290"/>
            <a:ext cx="13358260" cy="775571"/>
          </a:xfrm>
        </p:spPr>
        <p:txBody>
          <a:bodyPr>
            <a:normAutofit/>
          </a:bodyPr>
          <a:lstStyle/>
          <a:p>
            <a:r>
              <a:rPr lang="en-US" sz="2800" dirty="0"/>
              <a:t>Version  management and branching strategy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90120513"/>
              </p:ext>
            </p:extLst>
          </p:nvPr>
        </p:nvGraphicFramePr>
        <p:xfrm>
          <a:off x="1501882" y="2036511"/>
          <a:ext cx="9849288" cy="359759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20774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20774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400734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an</a:t>
                      </a:r>
                    </a:p>
                  </a:txBody>
                  <a:tcPr marL="68580" marR="68580" marT="34290" marB="34290" anchor="ctr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Feb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r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pr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y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n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l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ug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ep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Oct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ov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Dec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196859"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96315632"/>
              </p:ext>
            </p:extLst>
          </p:nvPr>
        </p:nvGraphicFramePr>
        <p:xfrm>
          <a:off x="517238" y="2433381"/>
          <a:ext cx="1250821" cy="303632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250821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/>
                        <a:t>Trunk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/>
                        <a:t> Release 1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/>
                        <a:t>Branch 2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/>
                        <a:t> Branch 3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/>
                        <a:t>Release 2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/>
                        <a:t>Branch  3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/>
                        <a:t> Branch 4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816920" y="2511916"/>
            <a:ext cx="9534248" cy="27900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dirty="0">
                <a:solidFill>
                  <a:schemeClr val="tx1"/>
                </a:solidFill>
              </a:rPr>
              <a:t>Code in Production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369864" y="2511916"/>
            <a:ext cx="87119" cy="264217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 dirty="0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cxnSpLocks/>
          </p:cNvCxnSpPr>
          <p:nvPr/>
        </p:nvCxnSpPr>
        <p:spPr>
          <a:xfrm>
            <a:off x="1438445" y="2639232"/>
            <a:ext cx="480786" cy="14373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369864" y="2950271"/>
            <a:ext cx="87119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 dirty="0"/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cxnSpLocks/>
          </p:cNvCxnSpPr>
          <p:nvPr/>
        </p:nvCxnSpPr>
        <p:spPr>
          <a:xfrm>
            <a:off x="1438445" y="3082378"/>
            <a:ext cx="480786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 flipV="1">
            <a:off x="1456983" y="3490749"/>
            <a:ext cx="1215281" cy="29986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7168493" y="2965086"/>
            <a:ext cx="1062643" cy="2308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merge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2672264" y="3388626"/>
            <a:ext cx="4654774" cy="204245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369864" y="3388626"/>
            <a:ext cx="87119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 dirty="0"/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3994739" y="3421184"/>
            <a:ext cx="3345589" cy="2308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Feb 25 – July 17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3634396" y="3826981"/>
            <a:ext cx="2710448" cy="264217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369864" y="3826981"/>
            <a:ext cx="87119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 dirty="0"/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cxnSpLocks/>
          </p:cNvCxnSpPr>
          <p:nvPr/>
        </p:nvCxnSpPr>
        <p:spPr>
          <a:xfrm>
            <a:off x="1438446" y="3941569"/>
            <a:ext cx="2789578" cy="5255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4727155" y="3868615"/>
            <a:ext cx="995444" cy="2308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Apr 5 - Jul 17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7461617" y="4040175"/>
            <a:ext cx="3631173" cy="264217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endParaRPr lang="en-US" sz="900" dirty="0">
              <a:solidFill>
                <a:schemeClr val="accent5"/>
              </a:solidFill>
            </a:endParaRP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369864" y="4265336"/>
            <a:ext cx="87119" cy="26421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 dirty="0"/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</p:cNvCxnSpPr>
          <p:nvPr/>
        </p:nvCxnSpPr>
        <p:spPr>
          <a:xfrm>
            <a:off x="1438446" y="4378325"/>
            <a:ext cx="5500026" cy="57354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8612573" y="4098336"/>
            <a:ext cx="1092700" cy="2308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Aug 12 - Nov 27</a:t>
            </a: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8099445" y="4567330"/>
            <a:ext cx="1250821" cy="1823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20%</a:t>
            </a:r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369864" y="4703691"/>
            <a:ext cx="87119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 dirty="0"/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cxnSpLocks/>
          </p:cNvCxnSpPr>
          <p:nvPr/>
        </p:nvCxnSpPr>
        <p:spPr>
          <a:xfrm flipV="1">
            <a:off x="4538988" y="4749630"/>
            <a:ext cx="6022370" cy="73685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6752700" y="4720383"/>
            <a:ext cx="1086590" cy="2308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Jul 12 - Aug 19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8324765" y="5077036"/>
            <a:ext cx="2768026" cy="276684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5%</a:t>
            </a:r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369864" y="5142047"/>
            <a:ext cx="87119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 dirty="0"/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>
            <a:cxnSpLocks/>
          </p:cNvCxnSpPr>
          <p:nvPr/>
        </p:nvCxnSpPr>
        <p:spPr>
          <a:xfrm>
            <a:off x="1438446" y="5274154"/>
            <a:ext cx="5910857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8627991" y="5158739"/>
            <a:ext cx="1092700" cy="2308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Sep 20 - Nov 27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625218" y="2069881"/>
            <a:ext cx="82919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b="1" dirty="0"/>
              <a:t>2022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501886" y="5945333"/>
            <a:ext cx="983326" cy="261610"/>
            <a:chOff x="1505049" y="5780889"/>
            <a:chExt cx="1032096" cy="348813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 dirty="0">
                <a:solidFill>
                  <a:schemeClr val="accent5"/>
                </a:solidFill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780889"/>
              <a:ext cx="763926" cy="348813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Release 1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756327" y="5945333"/>
            <a:ext cx="983326" cy="261610"/>
            <a:chOff x="1505049" y="5780889"/>
            <a:chExt cx="1032096" cy="348813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 dirty="0">
                <a:solidFill>
                  <a:schemeClr val="accent5"/>
                </a:solidFill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780889"/>
              <a:ext cx="763926" cy="348813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Release 2</a:t>
              </a:r>
            </a:p>
          </p:txBody>
        </p:sp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77F5BF5F-59A3-4F43-B00A-F4960765FB8E}"/>
              </a:ext>
            </a:extLst>
          </p:cNvPr>
          <p:cNvGrpSpPr/>
          <p:nvPr/>
        </p:nvGrpSpPr>
        <p:grpSpPr>
          <a:xfrm>
            <a:off x="4676365" y="5945333"/>
            <a:ext cx="1328242" cy="261610"/>
            <a:chOff x="1505049" y="5780889"/>
            <a:chExt cx="1394117" cy="348813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A17DCB47-6BA8-4A8E-ADF9-913EF814B43C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r>
                <a:rPr lang="en-US" sz="1100" dirty="0">
                  <a:solidFill>
                    <a:schemeClr val="accent5"/>
                  </a:solidFill>
                </a:rPr>
                <a:t>%</a:t>
              </a:r>
            </a:p>
          </p:txBody>
        </p:sp>
        <p:sp>
          <p:nvSpPr>
            <p:cNvPr id="67" name="TextBox 66">
              <a:extLst>
                <a:ext uri="{FF2B5EF4-FFF2-40B4-BE49-F238E27FC236}">
                  <a16:creationId xmlns:a16="http://schemas.microsoft.com/office/drawing/2014/main" id="{2F703FB6-68DA-4C9F-A60E-5E6DFBFD4981}"/>
                </a:ext>
              </a:extLst>
            </p:cNvPr>
            <p:cNvSpPr txBox="1"/>
            <p:nvPr/>
          </p:nvSpPr>
          <p:spPr>
            <a:xfrm>
              <a:off x="1773219" y="5780889"/>
              <a:ext cx="1125947" cy="348813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3" dirty="0">
                  <a:solidFill>
                    <a:schemeClr val="accent5"/>
                  </a:solidFill>
                  <a:latin typeface="Calibri" panose="020F0502020204030204" pitchFamily="34" charset="0"/>
                </a:rPr>
                <a:t>Completion</a:t>
              </a:r>
            </a:p>
          </p:txBody>
        </p:sp>
      </p:grp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85E1D5F-5525-CFC7-C561-0E1D4768C980}"/>
              </a:ext>
            </a:extLst>
          </p:cNvPr>
          <p:cNvCxnSpPr>
            <a:cxnSpLocks/>
          </p:cNvCxnSpPr>
          <p:nvPr/>
        </p:nvCxnSpPr>
        <p:spPr>
          <a:xfrm flipV="1">
            <a:off x="6091463" y="3536600"/>
            <a:ext cx="0" cy="29038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1EDCAA53-0F49-C694-EB8B-DD7092D0ACD1}"/>
              </a:ext>
            </a:extLst>
          </p:cNvPr>
          <p:cNvCxnSpPr/>
          <p:nvPr/>
        </p:nvCxnSpPr>
        <p:spPr>
          <a:xfrm flipH="1" flipV="1">
            <a:off x="7141195" y="2757044"/>
            <a:ext cx="13290" cy="66025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>
            <a:extLst>
              <a:ext uri="{FF2B5EF4-FFF2-40B4-BE49-F238E27FC236}">
                <a16:creationId xmlns:a16="http://schemas.microsoft.com/office/drawing/2014/main" id="{15EBEB50-3B5A-FB2E-79E3-E89B75ECE3DE}"/>
              </a:ext>
            </a:extLst>
          </p:cNvPr>
          <p:cNvSpPr txBox="1"/>
          <p:nvPr/>
        </p:nvSpPr>
        <p:spPr>
          <a:xfrm>
            <a:off x="6080203" y="3601748"/>
            <a:ext cx="1062643" cy="2308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merge</a:t>
            </a:r>
          </a:p>
        </p:txBody>
      </p: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BD9D8961-5D31-3218-C3F8-317C404A7D0E}"/>
              </a:ext>
            </a:extLst>
          </p:cNvPr>
          <p:cNvCxnSpPr/>
          <p:nvPr/>
        </p:nvCxnSpPr>
        <p:spPr>
          <a:xfrm>
            <a:off x="7699814" y="2793923"/>
            <a:ext cx="0" cy="120020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Box 38">
            <a:extLst>
              <a:ext uri="{FF2B5EF4-FFF2-40B4-BE49-F238E27FC236}">
                <a16:creationId xmlns:a16="http://schemas.microsoft.com/office/drawing/2014/main" id="{8D8F03DD-DEB9-6BBD-923B-0CCBE04EFB0C}"/>
              </a:ext>
            </a:extLst>
          </p:cNvPr>
          <p:cNvSpPr txBox="1"/>
          <p:nvPr/>
        </p:nvSpPr>
        <p:spPr>
          <a:xfrm>
            <a:off x="7699332" y="3770776"/>
            <a:ext cx="420308" cy="2308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900" dirty="0"/>
              <a:t>Copy</a:t>
            </a:r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A5B3348E-BD54-850D-956E-BCBF8EE7473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731225" y="2667978"/>
            <a:ext cx="301674" cy="1369136"/>
          </a:xfrm>
          <a:prstGeom prst="rect">
            <a:avLst/>
          </a:prstGeom>
        </p:spPr>
      </p:pic>
      <p:sp>
        <p:nvSpPr>
          <p:cNvPr id="42" name="TextBox 41">
            <a:extLst>
              <a:ext uri="{FF2B5EF4-FFF2-40B4-BE49-F238E27FC236}">
                <a16:creationId xmlns:a16="http://schemas.microsoft.com/office/drawing/2014/main" id="{40642246-9B4E-C6D0-7D50-87D9A4431E8C}"/>
              </a:ext>
            </a:extLst>
          </p:cNvPr>
          <p:cNvSpPr txBox="1"/>
          <p:nvPr/>
        </p:nvSpPr>
        <p:spPr>
          <a:xfrm>
            <a:off x="10878068" y="3023279"/>
            <a:ext cx="1062643" cy="2308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merge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77D7767E-C884-F46E-8A2E-B0260570D9B6}"/>
              </a:ext>
            </a:extLst>
          </p:cNvPr>
          <p:cNvSpPr txBox="1"/>
          <p:nvPr/>
        </p:nvSpPr>
        <p:spPr>
          <a:xfrm>
            <a:off x="10561094" y="4588382"/>
            <a:ext cx="1062643" cy="2308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merge</a:t>
            </a:r>
          </a:p>
        </p:txBody>
      </p: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E6F6D859-36CC-4C2F-8F31-6BE18EF75A74}"/>
              </a:ext>
            </a:extLst>
          </p:cNvPr>
          <p:cNvCxnSpPr>
            <a:cxnSpLocks/>
          </p:cNvCxnSpPr>
          <p:nvPr/>
        </p:nvCxnSpPr>
        <p:spPr>
          <a:xfrm flipH="1" flipV="1">
            <a:off x="10606257" y="4282028"/>
            <a:ext cx="10853" cy="82852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1EBD8660-5B14-459A-F685-8BA7425D0AAA}"/>
              </a:ext>
            </a:extLst>
          </p:cNvPr>
          <p:cNvCxnSpPr>
            <a:cxnSpLocks/>
          </p:cNvCxnSpPr>
          <p:nvPr/>
        </p:nvCxnSpPr>
        <p:spPr>
          <a:xfrm>
            <a:off x="8231136" y="4324549"/>
            <a:ext cx="0" cy="27937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F72E943E-D356-8572-162C-FA936E030480}"/>
              </a:ext>
            </a:extLst>
          </p:cNvPr>
          <p:cNvCxnSpPr>
            <a:cxnSpLocks/>
          </p:cNvCxnSpPr>
          <p:nvPr/>
        </p:nvCxnSpPr>
        <p:spPr>
          <a:xfrm>
            <a:off x="8472962" y="4324549"/>
            <a:ext cx="0" cy="6977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Box 60">
            <a:extLst>
              <a:ext uri="{FF2B5EF4-FFF2-40B4-BE49-F238E27FC236}">
                <a16:creationId xmlns:a16="http://schemas.microsoft.com/office/drawing/2014/main" id="{82057C59-0973-9A09-1582-D3DF7E32B781}"/>
              </a:ext>
            </a:extLst>
          </p:cNvPr>
          <p:cNvSpPr txBox="1"/>
          <p:nvPr/>
        </p:nvSpPr>
        <p:spPr>
          <a:xfrm>
            <a:off x="8472962" y="4849531"/>
            <a:ext cx="394660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/>
              <a:t>Copy</a:t>
            </a:r>
          </a:p>
        </p:txBody>
      </p:sp>
      <p:cxnSp>
        <p:nvCxnSpPr>
          <p:cNvPr id="63" name="Straight Arrow Connector 62">
            <a:extLst>
              <a:ext uri="{FF2B5EF4-FFF2-40B4-BE49-F238E27FC236}">
                <a16:creationId xmlns:a16="http://schemas.microsoft.com/office/drawing/2014/main" id="{7B717F3F-CB40-3806-D66A-6CCADB5B462F}"/>
              </a:ext>
            </a:extLst>
          </p:cNvPr>
          <p:cNvCxnSpPr>
            <a:cxnSpLocks/>
          </p:cNvCxnSpPr>
          <p:nvPr/>
        </p:nvCxnSpPr>
        <p:spPr>
          <a:xfrm flipV="1">
            <a:off x="9205293" y="4339821"/>
            <a:ext cx="0" cy="29107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TextBox 68">
            <a:extLst>
              <a:ext uri="{FF2B5EF4-FFF2-40B4-BE49-F238E27FC236}">
                <a16:creationId xmlns:a16="http://schemas.microsoft.com/office/drawing/2014/main" id="{C7152D44-CF11-B9EB-62EA-DC7DFB9E108E}"/>
              </a:ext>
            </a:extLst>
          </p:cNvPr>
          <p:cNvSpPr txBox="1"/>
          <p:nvPr/>
        </p:nvSpPr>
        <p:spPr>
          <a:xfrm>
            <a:off x="9217703" y="4346078"/>
            <a:ext cx="458780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/>
              <a:t>Merge</a:t>
            </a:r>
          </a:p>
        </p:txBody>
      </p:sp>
    </p:spTree>
    <p:extLst>
      <p:ext uri="{BB962C8B-B14F-4D97-AF65-F5344CB8AC3E}">
        <p14:creationId xmlns:p14="http://schemas.microsoft.com/office/powerpoint/2010/main" val="418430225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" name="Oval 104">
            <a:extLst>
              <a:ext uri="{FF2B5EF4-FFF2-40B4-BE49-F238E27FC236}">
                <a16:creationId xmlns:a16="http://schemas.microsoft.com/office/drawing/2014/main" id="{0A696ED1-ABC3-444E-9602-66A1A247F1A5}"/>
              </a:ext>
            </a:extLst>
          </p:cNvPr>
          <p:cNvSpPr/>
          <p:nvPr/>
        </p:nvSpPr>
        <p:spPr>
          <a:xfrm>
            <a:off x="5303261" y="2853295"/>
            <a:ext cx="1583392" cy="1583388"/>
          </a:xfrm>
          <a:prstGeom prst="ellipse">
            <a:avLst/>
          </a:prstGeom>
          <a:solidFill>
            <a:schemeClr val="bg2">
              <a:alpha val="84000"/>
            </a:scheme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685800">
              <a:defRPr/>
            </a:pPr>
            <a:endParaRPr lang="en-US" sz="1200" kern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36" name="Group 35">
            <a:extLst>
              <a:ext uri="{FF2B5EF4-FFF2-40B4-BE49-F238E27FC236}">
                <a16:creationId xmlns:a16="http://schemas.microsoft.com/office/drawing/2014/main" id="{8648ED96-D366-4F2B-88B8-D475F603794A}"/>
              </a:ext>
            </a:extLst>
          </p:cNvPr>
          <p:cNvGrpSpPr/>
          <p:nvPr/>
        </p:nvGrpSpPr>
        <p:grpSpPr>
          <a:xfrm>
            <a:off x="1981201" y="1678941"/>
            <a:ext cx="8481572" cy="3977450"/>
            <a:chOff x="609600" y="1095588"/>
            <a:chExt cx="11308763" cy="5303265"/>
          </a:xfrm>
        </p:grpSpPr>
        <p:grpSp>
          <p:nvGrpSpPr>
            <p:cNvPr id="28" name="Group 27">
              <a:extLst>
                <a:ext uri="{FF2B5EF4-FFF2-40B4-BE49-F238E27FC236}">
                  <a16:creationId xmlns:a16="http://schemas.microsoft.com/office/drawing/2014/main" id="{AB915FEF-3130-4D4A-8DD3-82B44A23DAFB}"/>
                </a:ext>
              </a:extLst>
            </p:cNvPr>
            <p:cNvGrpSpPr/>
            <p:nvPr/>
          </p:nvGrpSpPr>
          <p:grpSpPr>
            <a:xfrm>
              <a:off x="609600" y="1095588"/>
              <a:ext cx="11308763" cy="5303265"/>
              <a:chOff x="609600" y="1095588"/>
              <a:chExt cx="11308763" cy="5303265"/>
            </a:xfrm>
          </p:grpSpPr>
          <p:grpSp>
            <p:nvGrpSpPr>
              <p:cNvPr id="3" name="Group 2">
                <a:extLst>
                  <a:ext uri="{FF2B5EF4-FFF2-40B4-BE49-F238E27FC236}">
                    <a16:creationId xmlns:a16="http://schemas.microsoft.com/office/drawing/2014/main" id="{5E50E6B9-4DE9-49D4-B65A-91ACADCA3664}"/>
                  </a:ext>
                </a:extLst>
              </p:cNvPr>
              <p:cNvGrpSpPr/>
              <p:nvPr/>
            </p:nvGrpSpPr>
            <p:grpSpPr>
              <a:xfrm>
                <a:off x="1384706" y="1095588"/>
                <a:ext cx="9673743" cy="842172"/>
                <a:chOff x="1384706" y="1095588"/>
                <a:chExt cx="9673743" cy="842172"/>
              </a:xfrm>
            </p:grpSpPr>
            <p:grpSp>
              <p:nvGrpSpPr>
                <p:cNvPr id="8" name="Group 7">
                  <a:extLst>
                    <a:ext uri="{FF2B5EF4-FFF2-40B4-BE49-F238E27FC236}">
                      <a16:creationId xmlns:a16="http://schemas.microsoft.com/office/drawing/2014/main" id="{C1BBDA41-7402-4312-A7E4-055D6B9AD634}"/>
                    </a:ext>
                  </a:extLst>
                </p:cNvPr>
                <p:cNvGrpSpPr/>
                <p:nvPr/>
              </p:nvGrpSpPr>
              <p:grpSpPr>
                <a:xfrm>
                  <a:off x="7440821" y="1095588"/>
                  <a:ext cx="3617628" cy="826782"/>
                  <a:chOff x="7663350" y="1320021"/>
                  <a:chExt cx="3454593" cy="789521"/>
                </a:xfrm>
              </p:grpSpPr>
              <p:sp>
                <p:nvSpPr>
                  <p:cNvPr id="24" name="Rectangle 23">
                    <a:extLst>
                      <a:ext uri="{FF2B5EF4-FFF2-40B4-BE49-F238E27FC236}">
                        <a16:creationId xmlns:a16="http://schemas.microsoft.com/office/drawing/2014/main" id="{3E904C32-7F0A-4D95-B3D8-281468AA31CB}"/>
                      </a:ext>
                    </a:extLst>
                  </p:cNvPr>
                  <p:cNvSpPr/>
                  <p:nvPr/>
                </p:nvSpPr>
                <p:spPr>
                  <a:xfrm>
                    <a:off x="7663350" y="1320021"/>
                    <a:ext cx="1125007" cy="352687"/>
                  </a:xfrm>
                  <a:prstGeom prst="rect">
                    <a:avLst/>
                  </a:prstGeom>
                </p:spPr>
                <p:txBody>
                  <a:bodyPr wrap="none" anchor="ctr">
                    <a:spAutoFit/>
                  </a:bodyPr>
                  <a:lstStyle/>
                  <a:p>
                    <a:pPr>
                      <a:defRPr/>
                    </a:pPr>
                    <a:r>
                      <a:rPr lang="en-US" sz="1200" b="1" kern="0">
                        <a:latin typeface="Arial" panose="020B0604020202020204" pitchFamily="34" charset="0"/>
                        <a:ea typeface="Cambria" panose="02040503050406030204" pitchFamily="18" charset="0"/>
                        <a:cs typeface="Arial" panose="020B0604020202020204" pitchFamily="34" charset="0"/>
                      </a:rPr>
                      <a:t>Text Here</a:t>
                    </a:r>
                  </a:p>
                </p:txBody>
              </p:sp>
              <p:sp>
                <p:nvSpPr>
                  <p:cNvPr id="25" name="Rectangle 24">
                    <a:extLst>
                      <a:ext uri="{FF2B5EF4-FFF2-40B4-BE49-F238E27FC236}">
                        <a16:creationId xmlns:a16="http://schemas.microsoft.com/office/drawing/2014/main" id="{0B42C999-98B4-42B7-9A57-0EB9DBC8663F}"/>
                      </a:ext>
                    </a:extLst>
                  </p:cNvPr>
                  <p:cNvSpPr/>
                  <p:nvPr/>
                </p:nvSpPr>
                <p:spPr>
                  <a:xfrm>
                    <a:off x="7663350" y="1639293"/>
                    <a:ext cx="3454593" cy="470249"/>
                  </a:xfrm>
                  <a:prstGeom prst="rect">
                    <a:avLst/>
                  </a:prstGeom>
                </p:spPr>
                <p:txBody>
                  <a:bodyPr wrap="square">
                    <a:spAutoFit/>
                  </a:bodyPr>
                  <a:lstStyle/>
                  <a:p>
                    <a:pPr>
                      <a:defRPr/>
                    </a:pPr>
                    <a:r>
                      <a:rPr lang="en-US" sz="900">
                        <a:solidFill>
                          <a:schemeClr val="tx1">
                            <a:lumMod val="65000"/>
                            <a:lumOff val="35000"/>
                          </a:schemeClr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rPr>
                      <a:t>This slide is 100% editable. Adapt it to your needs and capture your audience's attention.</a:t>
                    </a:r>
                  </a:p>
                </p:txBody>
              </p:sp>
            </p:grpSp>
            <p:grpSp>
              <p:nvGrpSpPr>
                <p:cNvPr id="13" name="Group 12">
                  <a:extLst>
                    <a:ext uri="{FF2B5EF4-FFF2-40B4-BE49-F238E27FC236}">
                      <a16:creationId xmlns:a16="http://schemas.microsoft.com/office/drawing/2014/main" id="{98FAC7A1-E8CE-4E65-855C-828FFEEE4575}"/>
                    </a:ext>
                  </a:extLst>
                </p:cNvPr>
                <p:cNvGrpSpPr/>
                <p:nvPr/>
              </p:nvGrpSpPr>
              <p:grpSpPr>
                <a:xfrm>
                  <a:off x="1384706" y="1110978"/>
                  <a:ext cx="3461710" cy="826782"/>
                  <a:chOff x="1531268" y="1320021"/>
                  <a:chExt cx="3305702" cy="789522"/>
                </a:xfrm>
              </p:grpSpPr>
              <p:sp>
                <p:nvSpPr>
                  <p:cNvPr id="14" name="Rectangle 13">
                    <a:extLst>
                      <a:ext uri="{FF2B5EF4-FFF2-40B4-BE49-F238E27FC236}">
                        <a16:creationId xmlns:a16="http://schemas.microsoft.com/office/drawing/2014/main" id="{983DB70E-C53B-453E-AC88-0B1DA52B1A59}"/>
                      </a:ext>
                    </a:extLst>
                  </p:cNvPr>
                  <p:cNvSpPr/>
                  <p:nvPr/>
                </p:nvSpPr>
                <p:spPr>
                  <a:xfrm>
                    <a:off x="3293190" y="1320021"/>
                    <a:ext cx="1543780" cy="352688"/>
                  </a:xfrm>
                  <a:prstGeom prst="rect">
                    <a:avLst/>
                  </a:prstGeom>
                </p:spPr>
                <p:txBody>
                  <a:bodyPr wrap="square" anchor="ctr">
                    <a:spAutoFit/>
                  </a:bodyPr>
                  <a:lstStyle/>
                  <a:p>
                    <a:pPr algn="r">
                      <a:defRPr/>
                    </a:pPr>
                    <a:r>
                      <a:rPr lang="en-US" sz="1200" b="1" kern="0">
                        <a:latin typeface="Arial" panose="020B0604020202020204" pitchFamily="34" charset="0"/>
                        <a:ea typeface="Cambria" panose="02040503050406030204" pitchFamily="18" charset="0"/>
                        <a:cs typeface="Arial" panose="020B0604020202020204" pitchFamily="34" charset="0"/>
                      </a:rPr>
                      <a:t> Text Here</a:t>
                    </a:r>
                  </a:p>
                </p:txBody>
              </p:sp>
              <p:sp>
                <p:nvSpPr>
                  <p:cNvPr id="15" name="Rectangle 14">
                    <a:extLst>
                      <a:ext uri="{FF2B5EF4-FFF2-40B4-BE49-F238E27FC236}">
                        <a16:creationId xmlns:a16="http://schemas.microsoft.com/office/drawing/2014/main" id="{4A3D417E-E6C5-4D56-AE13-685F8E69DCF9}"/>
                      </a:ext>
                    </a:extLst>
                  </p:cNvPr>
                  <p:cNvSpPr/>
                  <p:nvPr/>
                </p:nvSpPr>
                <p:spPr>
                  <a:xfrm>
                    <a:off x="1531268" y="1639293"/>
                    <a:ext cx="3305701" cy="470250"/>
                  </a:xfrm>
                  <a:prstGeom prst="rect">
                    <a:avLst/>
                  </a:prstGeom>
                </p:spPr>
                <p:txBody>
                  <a:bodyPr wrap="square">
                    <a:spAutoFit/>
                  </a:bodyPr>
                  <a:lstStyle/>
                  <a:p>
                    <a:pPr algn="r">
                      <a:defRPr/>
                    </a:pPr>
                    <a:r>
                      <a:rPr lang="en-US" sz="900">
                        <a:solidFill>
                          <a:schemeClr val="tx1">
                            <a:lumMod val="65000"/>
                            <a:lumOff val="35000"/>
                          </a:schemeClr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rPr>
                      <a:t>This slide is 100% editable. Adapt it to your needs and capture your audience's attention.</a:t>
                    </a:r>
                  </a:p>
                </p:txBody>
              </p:sp>
            </p:grpSp>
          </p:grpSp>
          <p:grpSp>
            <p:nvGrpSpPr>
              <p:cNvPr id="114" name="Group 113">
                <a:extLst>
                  <a:ext uri="{FF2B5EF4-FFF2-40B4-BE49-F238E27FC236}">
                    <a16:creationId xmlns:a16="http://schemas.microsoft.com/office/drawing/2014/main" id="{B09041A6-CA35-4B44-AED2-DC97240E4186}"/>
                  </a:ext>
                </a:extLst>
              </p:cNvPr>
              <p:cNvGrpSpPr/>
              <p:nvPr/>
            </p:nvGrpSpPr>
            <p:grpSpPr>
              <a:xfrm>
                <a:off x="609600" y="2702782"/>
                <a:ext cx="3281666" cy="842171"/>
                <a:chOff x="1703198" y="1305326"/>
                <a:chExt cx="3133772" cy="804217"/>
              </a:xfrm>
            </p:grpSpPr>
            <p:sp>
              <p:nvSpPr>
                <p:cNvPr id="115" name="Rectangle 114">
                  <a:extLst>
                    <a:ext uri="{FF2B5EF4-FFF2-40B4-BE49-F238E27FC236}">
                      <a16:creationId xmlns:a16="http://schemas.microsoft.com/office/drawing/2014/main" id="{2F610D3B-12D8-4E7A-B1CC-7A50449764DE}"/>
                    </a:ext>
                  </a:extLst>
                </p:cNvPr>
                <p:cNvSpPr/>
                <p:nvPr/>
              </p:nvSpPr>
              <p:spPr>
                <a:xfrm>
                  <a:off x="3293190" y="1305326"/>
                  <a:ext cx="1543780" cy="382078"/>
                </a:xfrm>
                <a:prstGeom prst="rect">
                  <a:avLst/>
                </a:prstGeom>
              </p:spPr>
              <p:txBody>
                <a:bodyPr wrap="square" anchor="ctr">
                  <a:spAutoFit/>
                </a:bodyPr>
                <a:lstStyle/>
                <a:p>
                  <a:pPr algn="r">
                    <a:defRPr/>
                  </a:pPr>
                  <a:r>
                    <a:rPr lang="en-US" sz="1350" b="1" kern="0">
                      <a:solidFill>
                        <a:srgbClr val="3E74AB"/>
                      </a:solidFill>
                      <a:latin typeface="Arial" panose="020B0604020202020204" pitchFamily="34" charset="0"/>
                      <a:ea typeface="Cambria" panose="02040503050406030204" pitchFamily="18" charset="0"/>
                      <a:cs typeface="Arial" panose="020B0604020202020204" pitchFamily="34" charset="0"/>
                    </a:rPr>
                    <a:t> </a:t>
                  </a:r>
                  <a:r>
                    <a:rPr lang="en-US" sz="1200" b="1" kern="0">
                      <a:latin typeface="Arial" panose="020B0604020202020204" pitchFamily="34" charset="0"/>
                      <a:ea typeface="Cambria" panose="02040503050406030204" pitchFamily="18" charset="0"/>
                      <a:cs typeface="Arial" panose="020B0604020202020204" pitchFamily="34" charset="0"/>
                    </a:rPr>
                    <a:t>Text Here</a:t>
                  </a:r>
                </a:p>
              </p:txBody>
            </p:sp>
            <p:sp>
              <p:nvSpPr>
                <p:cNvPr id="116" name="Rectangle 115">
                  <a:extLst>
                    <a:ext uri="{FF2B5EF4-FFF2-40B4-BE49-F238E27FC236}">
                      <a16:creationId xmlns:a16="http://schemas.microsoft.com/office/drawing/2014/main" id="{5933C8E5-ED41-4657-BA3F-C8282E39CD67}"/>
                    </a:ext>
                  </a:extLst>
                </p:cNvPr>
                <p:cNvSpPr/>
                <p:nvPr/>
              </p:nvSpPr>
              <p:spPr>
                <a:xfrm>
                  <a:off x="1703198" y="1639293"/>
                  <a:ext cx="3133772" cy="470250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algn="r">
                    <a:defRPr/>
                  </a:pPr>
                  <a:r>
                    <a:rPr lang="en-US" sz="90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Arial" panose="020B0604020202020204" pitchFamily="34" charset="0"/>
                      <a:cs typeface="Arial" panose="020B0604020202020204" pitchFamily="34" charset="0"/>
                    </a:rPr>
                    <a:t>This slide is 100% editable. Adapt it to your needs and capture your audience's attention.</a:t>
                  </a:r>
                </a:p>
              </p:txBody>
            </p:sp>
          </p:grpSp>
          <p:grpSp>
            <p:nvGrpSpPr>
              <p:cNvPr id="117" name="Group 116">
                <a:extLst>
                  <a:ext uri="{FF2B5EF4-FFF2-40B4-BE49-F238E27FC236}">
                    <a16:creationId xmlns:a16="http://schemas.microsoft.com/office/drawing/2014/main" id="{B8E2B043-4250-4C32-A080-72AD0F8994C8}"/>
                  </a:ext>
                </a:extLst>
              </p:cNvPr>
              <p:cNvGrpSpPr/>
              <p:nvPr/>
            </p:nvGrpSpPr>
            <p:grpSpPr>
              <a:xfrm>
                <a:off x="771524" y="4567182"/>
                <a:ext cx="3411984" cy="826782"/>
                <a:chOff x="1578753" y="1320021"/>
                <a:chExt cx="3258217" cy="789522"/>
              </a:xfrm>
            </p:grpSpPr>
            <p:sp>
              <p:nvSpPr>
                <p:cNvPr id="118" name="Rectangle 117">
                  <a:extLst>
                    <a:ext uri="{FF2B5EF4-FFF2-40B4-BE49-F238E27FC236}">
                      <a16:creationId xmlns:a16="http://schemas.microsoft.com/office/drawing/2014/main" id="{138EBC58-37A5-4093-A503-0AF5AD5E4284}"/>
                    </a:ext>
                  </a:extLst>
                </p:cNvPr>
                <p:cNvSpPr/>
                <p:nvPr/>
              </p:nvSpPr>
              <p:spPr>
                <a:xfrm>
                  <a:off x="3293191" y="1320021"/>
                  <a:ext cx="1543779" cy="352688"/>
                </a:xfrm>
                <a:prstGeom prst="rect">
                  <a:avLst/>
                </a:prstGeom>
              </p:spPr>
              <p:txBody>
                <a:bodyPr wrap="square" anchor="ctr">
                  <a:spAutoFit/>
                </a:bodyPr>
                <a:lstStyle/>
                <a:p>
                  <a:pPr algn="r">
                    <a:defRPr/>
                  </a:pPr>
                  <a:r>
                    <a:rPr lang="en-US" sz="1200" b="1" kern="0">
                      <a:solidFill>
                        <a:srgbClr val="3E74AB"/>
                      </a:solidFill>
                      <a:latin typeface="Arial" panose="020B0604020202020204" pitchFamily="34" charset="0"/>
                      <a:ea typeface="Cambria" panose="02040503050406030204" pitchFamily="18" charset="0"/>
                      <a:cs typeface="Arial" panose="020B0604020202020204" pitchFamily="34" charset="0"/>
                    </a:rPr>
                    <a:t> </a:t>
                  </a:r>
                  <a:r>
                    <a:rPr lang="en-US" sz="1200" b="1" kern="0">
                      <a:latin typeface="Arial" panose="020B0604020202020204" pitchFamily="34" charset="0"/>
                      <a:ea typeface="Cambria" panose="02040503050406030204" pitchFamily="18" charset="0"/>
                      <a:cs typeface="Arial" panose="020B0604020202020204" pitchFamily="34" charset="0"/>
                    </a:rPr>
                    <a:t>Text Here</a:t>
                  </a:r>
                </a:p>
              </p:txBody>
            </p:sp>
            <p:sp>
              <p:nvSpPr>
                <p:cNvPr id="119" name="Rectangle 118">
                  <a:extLst>
                    <a:ext uri="{FF2B5EF4-FFF2-40B4-BE49-F238E27FC236}">
                      <a16:creationId xmlns:a16="http://schemas.microsoft.com/office/drawing/2014/main" id="{5B084F9B-006A-47E6-BF01-2BF7EB60D387}"/>
                    </a:ext>
                  </a:extLst>
                </p:cNvPr>
                <p:cNvSpPr/>
                <p:nvPr/>
              </p:nvSpPr>
              <p:spPr>
                <a:xfrm>
                  <a:off x="1578753" y="1639293"/>
                  <a:ext cx="3258216" cy="470250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algn="r">
                    <a:defRPr/>
                  </a:pPr>
                  <a:r>
                    <a:rPr lang="en-US" sz="90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Arial" panose="020B0604020202020204" pitchFamily="34" charset="0"/>
                      <a:cs typeface="Arial" panose="020B0604020202020204" pitchFamily="34" charset="0"/>
                    </a:rPr>
                    <a:t>This slide is 100% editable. Adapt it to your needs and capture your audience's attention.</a:t>
                  </a:r>
                </a:p>
              </p:txBody>
            </p:sp>
          </p:grpSp>
          <p:grpSp>
            <p:nvGrpSpPr>
              <p:cNvPr id="120" name="Group 119">
                <a:extLst>
                  <a:ext uri="{FF2B5EF4-FFF2-40B4-BE49-F238E27FC236}">
                    <a16:creationId xmlns:a16="http://schemas.microsoft.com/office/drawing/2014/main" id="{D814225F-1140-4AAD-9ED9-EF110F94F33F}"/>
                  </a:ext>
                </a:extLst>
              </p:cNvPr>
              <p:cNvGrpSpPr/>
              <p:nvPr/>
            </p:nvGrpSpPr>
            <p:grpSpPr>
              <a:xfrm>
                <a:off x="8388458" y="2710475"/>
                <a:ext cx="3529905" cy="826782"/>
                <a:chOff x="7663350" y="1320021"/>
                <a:chExt cx="3370823" cy="789521"/>
              </a:xfrm>
            </p:grpSpPr>
            <p:sp>
              <p:nvSpPr>
                <p:cNvPr id="121" name="Rectangle 120">
                  <a:extLst>
                    <a:ext uri="{FF2B5EF4-FFF2-40B4-BE49-F238E27FC236}">
                      <a16:creationId xmlns:a16="http://schemas.microsoft.com/office/drawing/2014/main" id="{DE9F3969-56B3-4D26-BA08-857B22E15E0A}"/>
                    </a:ext>
                  </a:extLst>
                </p:cNvPr>
                <p:cNvSpPr/>
                <p:nvPr/>
              </p:nvSpPr>
              <p:spPr>
                <a:xfrm>
                  <a:off x="7663350" y="1320021"/>
                  <a:ext cx="1125007" cy="352687"/>
                </a:xfrm>
                <a:prstGeom prst="rect">
                  <a:avLst/>
                </a:prstGeom>
              </p:spPr>
              <p:txBody>
                <a:bodyPr wrap="none" anchor="ctr">
                  <a:spAutoFit/>
                </a:bodyPr>
                <a:lstStyle/>
                <a:p>
                  <a:pPr>
                    <a:defRPr/>
                  </a:pPr>
                  <a:r>
                    <a:rPr lang="en-US" sz="1200" b="1" kern="0">
                      <a:latin typeface="Arial" panose="020B0604020202020204" pitchFamily="34" charset="0"/>
                      <a:ea typeface="Cambria" panose="02040503050406030204" pitchFamily="18" charset="0"/>
                      <a:cs typeface="Arial" panose="020B0604020202020204" pitchFamily="34" charset="0"/>
                    </a:rPr>
                    <a:t>Text Here</a:t>
                  </a:r>
                </a:p>
              </p:txBody>
            </p:sp>
            <p:sp>
              <p:nvSpPr>
                <p:cNvPr id="122" name="Rectangle 121">
                  <a:extLst>
                    <a:ext uri="{FF2B5EF4-FFF2-40B4-BE49-F238E27FC236}">
                      <a16:creationId xmlns:a16="http://schemas.microsoft.com/office/drawing/2014/main" id="{AA871045-833A-45E8-9F40-963255E186D7}"/>
                    </a:ext>
                  </a:extLst>
                </p:cNvPr>
                <p:cNvSpPr/>
                <p:nvPr/>
              </p:nvSpPr>
              <p:spPr>
                <a:xfrm>
                  <a:off x="7663350" y="1639293"/>
                  <a:ext cx="3370823" cy="47024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defRPr/>
                  </a:pPr>
                  <a:r>
                    <a:rPr lang="en-US" sz="90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Arial" panose="020B0604020202020204" pitchFamily="34" charset="0"/>
                      <a:cs typeface="Arial" panose="020B0604020202020204" pitchFamily="34" charset="0"/>
                    </a:rPr>
                    <a:t>This slide is 100% editable. Adapt it to your needs and capture your audience's attention.</a:t>
                  </a:r>
                </a:p>
              </p:txBody>
            </p:sp>
          </p:grp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5715D8CC-945B-4DAD-878A-F4C1A16E7713}"/>
                  </a:ext>
                </a:extLst>
              </p:cNvPr>
              <p:cNvGrpSpPr/>
              <p:nvPr/>
            </p:nvGrpSpPr>
            <p:grpSpPr>
              <a:xfrm>
                <a:off x="8070398" y="4559487"/>
                <a:ext cx="3529905" cy="826782"/>
                <a:chOff x="7663350" y="1320021"/>
                <a:chExt cx="3370823" cy="789521"/>
              </a:xfrm>
            </p:grpSpPr>
            <p:sp>
              <p:nvSpPr>
                <p:cNvPr id="124" name="Rectangle 123">
                  <a:extLst>
                    <a:ext uri="{FF2B5EF4-FFF2-40B4-BE49-F238E27FC236}">
                      <a16:creationId xmlns:a16="http://schemas.microsoft.com/office/drawing/2014/main" id="{F1D439D0-B1C2-4348-A991-9EC5A724F159}"/>
                    </a:ext>
                  </a:extLst>
                </p:cNvPr>
                <p:cNvSpPr/>
                <p:nvPr/>
              </p:nvSpPr>
              <p:spPr>
                <a:xfrm>
                  <a:off x="7663350" y="1320021"/>
                  <a:ext cx="1125007" cy="352687"/>
                </a:xfrm>
                <a:prstGeom prst="rect">
                  <a:avLst/>
                </a:prstGeom>
              </p:spPr>
              <p:txBody>
                <a:bodyPr wrap="none" anchor="ctr">
                  <a:spAutoFit/>
                </a:bodyPr>
                <a:lstStyle/>
                <a:p>
                  <a:pPr>
                    <a:defRPr/>
                  </a:pPr>
                  <a:r>
                    <a:rPr lang="en-US" sz="1200" b="1" kern="0">
                      <a:latin typeface="Arial" panose="020B0604020202020204" pitchFamily="34" charset="0"/>
                      <a:ea typeface="Cambria" panose="02040503050406030204" pitchFamily="18" charset="0"/>
                      <a:cs typeface="Arial" panose="020B0604020202020204" pitchFamily="34" charset="0"/>
                    </a:rPr>
                    <a:t>Text Here</a:t>
                  </a:r>
                </a:p>
              </p:txBody>
            </p:sp>
            <p:sp>
              <p:nvSpPr>
                <p:cNvPr id="125" name="Rectangle 124">
                  <a:extLst>
                    <a:ext uri="{FF2B5EF4-FFF2-40B4-BE49-F238E27FC236}">
                      <a16:creationId xmlns:a16="http://schemas.microsoft.com/office/drawing/2014/main" id="{5A5FB118-7A52-48E9-83CE-F9CCA8B3ACD4}"/>
                    </a:ext>
                  </a:extLst>
                </p:cNvPr>
                <p:cNvSpPr/>
                <p:nvPr/>
              </p:nvSpPr>
              <p:spPr>
                <a:xfrm>
                  <a:off x="7663350" y="1639293"/>
                  <a:ext cx="3370823" cy="47024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defRPr/>
                  </a:pPr>
                  <a:r>
                    <a:rPr lang="en-US" sz="90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Arial" panose="020B0604020202020204" pitchFamily="34" charset="0"/>
                      <a:cs typeface="Arial" panose="020B0604020202020204" pitchFamily="34" charset="0"/>
                    </a:rPr>
                    <a:t>This slide is 100% editable. Adapt it to your needs and capture your audience's attention.</a:t>
                  </a:r>
                </a:p>
              </p:txBody>
            </p: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AB98561E-4671-43EC-A2E3-6F3A1BDFFAAA}"/>
                  </a:ext>
                </a:extLst>
              </p:cNvPr>
              <p:cNvGrpSpPr/>
              <p:nvPr/>
            </p:nvGrpSpPr>
            <p:grpSpPr>
              <a:xfrm>
                <a:off x="7442550" y="5572071"/>
                <a:ext cx="3529905" cy="826782"/>
                <a:chOff x="7663350" y="1320021"/>
                <a:chExt cx="3370823" cy="789521"/>
              </a:xfrm>
            </p:grpSpPr>
            <p:sp>
              <p:nvSpPr>
                <p:cNvPr id="127" name="Rectangle 126">
                  <a:extLst>
                    <a:ext uri="{FF2B5EF4-FFF2-40B4-BE49-F238E27FC236}">
                      <a16:creationId xmlns:a16="http://schemas.microsoft.com/office/drawing/2014/main" id="{EE5BBE2E-9F1C-4317-9B7F-2DD59EFC685E}"/>
                    </a:ext>
                  </a:extLst>
                </p:cNvPr>
                <p:cNvSpPr/>
                <p:nvPr/>
              </p:nvSpPr>
              <p:spPr>
                <a:xfrm>
                  <a:off x="7663350" y="1320021"/>
                  <a:ext cx="1125007" cy="352687"/>
                </a:xfrm>
                <a:prstGeom prst="rect">
                  <a:avLst/>
                </a:prstGeom>
              </p:spPr>
              <p:txBody>
                <a:bodyPr wrap="none" anchor="ctr">
                  <a:spAutoFit/>
                </a:bodyPr>
                <a:lstStyle/>
                <a:p>
                  <a:pPr>
                    <a:defRPr/>
                  </a:pPr>
                  <a:r>
                    <a:rPr lang="en-US" sz="1200" b="1" kern="0">
                      <a:latin typeface="Arial" panose="020B0604020202020204" pitchFamily="34" charset="0"/>
                      <a:ea typeface="Cambria" panose="02040503050406030204" pitchFamily="18" charset="0"/>
                      <a:cs typeface="Arial" panose="020B0604020202020204" pitchFamily="34" charset="0"/>
                    </a:rPr>
                    <a:t>Text Here</a:t>
                  </a:r>
                </a:p>
              </p:txBody>
            </p:sp>
            <p:sp>
              <p:nvSpPr>
                <p:cNvPr id="128" name="Rectangle 127">
                  <a:extLst>
                    <a:ext uri="{FF2B5EF4-FFF2-40B4-BE49-F238E27FC236}">
                      <a16:creationId xmlns:a16="http://schemas.microsoft.com/office/drawing/2014/main" id="{36E7E94B-2586-42B2-A554-F722628A7CED}"/>
                    </a:ext>
                  </a:extLst>
                </p:cNvPr>
                <p:cNvSpPr/>
                <p:nvPr/>
              </p:nvSpPr>
              <p:spPr>
                <a:xfrm>
                  <a:off x="7663350" y="1639293"/>
                  <a:ext cx="3370823" cy="47024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defRPr/>
                  </a:pPr>
                  <a:r>
                    <a:rPr lang="en-US" sz="90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Arial" panose="020B0604020202020204" pitchFamily="34" charset="0"/>
                      <a:cs typeface="Arial" panose="020B0604020202020204" pitchFamily="34" charset="0"/>
                    </a:rPr>
                    <a:t>This slide is 100% editable. Adapt it to your needs and capture your audience's attention.</a:t>
                  </a:r>
                </a:p>
              </p:txBody>
            </p:sp>
          </p:grpSp>
        </p:grpSp>
        <p:grpSp>
          <p:nvGrpSpPr>
            <p:cNvPr id="66" name="Group 65">
              <a:extLst>
                <a:ext uri="{FF2B5EF4-FFF2-40B4-BE49-F238E27FC236}">
                  <a16:creationId xmlns:a16="http://schemas.microsoft.com/office/drawing/2014/main" id="{0BC56F48-69BC-4D65-8920-C377F4B2E94A}"/>
                </a:ext>
              </a:extLst>
            </p:cNvPr>
            <p:cNvGrpSpPr/>
            <p:nvPr/>
          </p:nvGrpSpPr>
          <p:grpSpPr>
            <a:xfrm>
              <a:off x="3900213" y="1523934"/>
              <a:ext cx="4388790" cy="4386100"/>
              <a:chOff x="4000500" y="1729767"/>
              <a:chExt cx="4191001" cy="4188433"/>
            </a:xfrm>
          </p:grpSpPr>
          <p:sp>
            <p:nvSpPr>
              <p:cNvPr id="67" name="Oval 66">
                <a:extLst>
                  <a:ext uri="{FF2B5EF4-FFF2-40B4-BE49-F238E27FC236}">
                    <a16:creationId xmlns:a16="http://schemas.microsoft.com/office/drawing/2014/main" id="{16E1058B-BF2B-4BE2-BBD9-B6DE96DC5E68}"/>
                  </a:ext>
                </a:extLst>
              </p:cNvPr>
              <p:cNvSpPr/>
              <p:nvPr/>
            </p:nvSpPr>
            <p:spPr>
              <a:xfrm>
                <a:off x="4533902" y="2261886"/>
                <a:ext cx="3124198" cy="3124194"/>
              </a:xfrm>
              <a:prstGeom prst="ellipse">
                <a:avLst/>
              </a:prstGeom>
              <a:noFill/>
              <a:ln w="25400" cap="flat" cmpd="sng" algn="ctr">
                <a:solidFill>
                  <a:srgbClr val="000000">
                    <a:lumMod val="50000"/>
                    <a:lumOff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 defTabSz="685800">
                  <a:defRPr/>
                </a:pPr>
                <a:endParaRPr lang="en-US" sz="1350" kern="0">
                  <a:solidFill>
                    <a:prstClr val="white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grpSp>
            <p:nvGrpSpPr>
              <p:cNvPr id="68" name="Group 67">
                <a:extLst>
                  <a:ext uri="{FF2B5EF4-FFF2-40B4-BE49-F238E27FC236}">
                    <a16:creationId xmlns:a16="http://schemas.microsoft.com/office/drawing/2014/main" id="{2599CB48-CE5B-4E26-A679-0A22B84383ED}"/>
                  </a:ext>
                </a:extLst>
              </p:cNvPr>
              <p:cNvGrpSpPr/>
              <p:nvPr/>
            </p:nvGrpSpPr>
            <p:grpSpPr>
              <a:xfrm>
                <a:off x="4000500" y="1729767"/>
                <a:ext cx="4191001" cy="4188433"/>
                <a:chOff x="4000500" y="1729767"/>
                <a:chExt cx="4191001" cy="4188433"/>
              </a:xfrm>
            </p:grpSpPr>
            <p:sp>
              <p:nvSpPr>
                <p:cNvPr id="97" name="Freeform: Shape 96">
                  <a:extLst>
                    <a:ext uri="{FF2B5EF4-FFF2-40B4-BE49-F238E27FC236}">
                      <a16:creationId xmlns:a16="http://schemas.microsoft.com/office/drawing/2014/main" id="{F4B9BB37-A3A2-4EC0-8615-5FC88108E972}"/>
                    </a:ext>
                  </a:extLst>
                </p:cNvPr>
                <p:cNvSpPr/>
                <p:nvPr/>
              </p:nvSpPr>
              <p:spPr>
                <a:xfrm>
                  <a:off x="4431352" y="1729767"/>
                  <a:ext cx="1613849" cy="1408771"/>
                </a:xfrm>
                <a:custGeom>
                  <a:avLst/>
                  <a:gdLst>
                    <a:gd name="connsiteX0" fmla="*/ 1613849 w 1613849"/>
                    <a:gd name="connsiteY0" fmla="*/ 0 h 1408771"/>
                    <a:gd name="connsiteX1" fmla="*/ 1613849 w 1613849"/>
                    <a:gd name="connsiteY1" fmla="*/ 996284 h 1408771"/>
                    <a:gd name="connsiteX2" fmla="*/ 1552261 w 1613849"/>
                    <a:gd name="connsiteY2" fmla="*/ 999394 h 1408771"/>
                    <a:gd name="connsiteX3" fmla="*/ 850990 w 1613849"/>
                    <a:gd name="connsiteY3" fmla="*/ 1353847 h 1408771"/>
                    <a:gd name="connsiteX4" fmla="*/ 809413 w 1613849"/>
                    <a:gd name="connsiteY4" fmla="*/ 1408771 h 1408771"/>
                    <a:gd name="connsiteX5" fmla="*/ 0 w 1613849"/>
                    <a:gd name="connsiteY5" fmla="*/ 820698 h 1408771"/>
                    <a:gd name="connsiteX6" fmla="*/ 113522 w 1613849"/>
                    <a:gd name="connsiteY6" fmla="*/ 683967 h 1408771"/>
                    <a:gd name="connsiteX7" fmla="*/ 1450397 w 1613849"/>
                    <a:gd name="connsiteY7" fmla="*/ 8253 h 1408771"/>
                    <a:gd name="connsiteX8" fmla="*/ 1613849 w 1613849"/>
                    <a:gd name="connsiteY8" fmla="*/ 0 h 140877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</a:cxnLst>
                  <a:rect l="l" t="t" r="r" b="b"/>
                  <a:pathLst>
                    <a:path w="1613849" h="1408771">
                      <a:moveTo>
                        <a:pt x="1613849" y="0"/>
                      </a:moveTo>
                      <a:lnTo>
                        <a:pt x="1613849" y="996284"/>
                      </a:lnTo>
                      <a:lnTo>
                        <a:pt x="1552261" y="999394"/>
                      </a:lnTo>
                      <a:cubicBezTo>
                        <a:pt x="1275118" y="1027540"/>
                        <a:pt x="1028411" y="1158640"/>
                        <a:pt x="850990" y="1353847"/>
                      </a:cubicBezTo>
                      <a:lnTo>
                        <a:pt x="809413" y="1408771"/>
                      </a:lnTo>
                      <a:lnTo>
                        <a:pt x="0" y="820698"/>
                      </a:lnTo>
                      <a:lnTo>
                        <a:pt x="113522" y="683967"/>
                      </a:lnTo>
                      <a:cubicBezTo>
                        <a:pt x="451750" y="311833"/>
                        <a:pt x="922062" y="61908"/>
                        <a:pt x="1450397" y="8253"/>
                      </a:cubicBezTo>
                      <a:lnTo>
                        <a:pt x="1613849" y="0"/>
                      </a:lnTo>
                      <a:close/>
                    </a:path>
                  </a:pathLst>
                </a:custGeom>
                <a:solidFill>
                  <a:srgbClr val="34455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algn="ctr" defTabSz="685800">
                    <a:defRPr/>
                  </a:pPr>
                  <a:endParaRPr lang="en-IN" sz="1350" kern="0">
                    <a:solidFill>
                      <a:prstClr val="white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98" name="Freeform: Shape 97">
                  <a:extLst>
                    <a:ext uri="{FF2B5EF4-FFF2-40B4-BE49-F238E27FC236}">
                      <a16:creationId xmlns:a16="http://schemas.microsoft.com/office/drawing/2014/main" id="{3670FF12-004D-4A67-93D3-E9E33AD7112D}"/>
                    </a:ext>
                  </a:extLst>
                </p:cNvPr>
                <p:cNvSpPr/>
                <p:nvPr/>
              </p:nvSpPr>
              <p:spPr>
                <a:xfrm>
                  <a:off x="6146801" y="1729767"/>
                  <a:ext cx="1543781" cy="1363045"/>
                </a:xfrm>
                <a:custGeom>
                  <a:avLst/>
                  <a:gdLst>
                    <a:gd name="connsiteX0" fmla="*/ 0 w 1543781"/>
                    <a:gd name="connsiteY0" fmla="*/ 0 h 1363045"/>
                    <a:gd name="connsiteX1" fmla="*/ 163453 w 1543781"/>
                    <a:gd name="connsiteY1" fmla="*/ 8253 h 1363045"/>
                    <a:gd name="connsiteX2" fmla="*/ 1500327 w 1543781"/>
                    <a:gd name="connsiteY2" fmla="*/ 683967 h 1363045"/>
                    <a:gd name="connsiteX3" fmla="*/ 1543781 w 1543781"/>
                    <a:gd name="connsiteY3" fmla="*/ 736305 h 1363045"/>
                    <a:gd name="connsiteX4" fmla="*/ 769822 w 1543781"/>
                    <a:gd name="connsiteY4" fmla="*/ 1363045 h 1363045"/>
                    <a:gd name="connsiteX5" fmla="*/ 762859 w 1543781"/>
                    <a:gd name="connsiteY5" fmla="*/ 1353847 h 1363045"/>
                    <a:gd name="connsiteX6" fmla="*/ 61589 w 1543781"/>
                    <a:gd name="connsiteY6" fmla="*/ 999394 h 1363045"/>
                    <a:gd name="connsiteX7" fmla="*/ 0 w 1543781"/>
                    <a:gd name="connsiteY7" fmla="*/ 996284 h 1363045"/>
                    <a:gd name="connsiteX8" fmla="*/ 0 w 1543781"/>
                    <a:gd name="connsiteY8" fmla="*/ 0 h 136304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</a:cxnLst>
                  <a:rect l="l" t="t" r="r" b="b"/>
                  <a:pathLst>
                    <a:path w="1543781" h="1363045">
                      <a:moveTo>
                        <a:pt x="0" y="0"/>
                      </a:moveTo>
                      <a:lnTo>
                        <a:pt x="163453" y="8253"/>
                      </a:lnTo>
                      <a:cubicBezTo>
                        <a:pt x="691788" y="61908"/>
                        <a:pt x="1162099" y="311834"/>
                        <a:pt x="1500327" y="683967"/>
                      </a:cubicBezTo>
                      <a:lnTo>
                        <a:pt x="1543781" y="736305"/>
                      </a:lnTo>
                      <a:lnTo>
                        <a:pt x="769822" y="1363045"/>
                      </a:lnTo>
                      <a:lnTo>
                        <a:pt x="762859" y="1353847"/>
                      </a:lnTo>
                      <a:cubicBezTo>
                        <a:pt x="585438" y="1158640"/>
                        <a:pt x="338732" y="1027540"/>
                        <a:pt x="61589" y="999394"/>
                      </a:cubicBezTo>
                      <a:lnTo>
                        <a:pt x="0" y="996284"/>
                      </a:lnTo>
                      <a:lnTo>
                        <a:pt x="0" y="0"/>
                      </a:lnTo>
                      <a:close/>
                    </a:path>
                  </a:pathLst>
                </a:custGeom>
                <a:solidFill>
                  <a:srgbClr val="62A80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algn="ctr" defTabSz="685800">
                    <a:defRPr/>
                  </a:pPr>
                  <a:endParaRPr lang="en-IN" sz="1350" kern="0">
                    <a:solidFill>
                      <a:prstClr val="white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99" name="Freeform: Shape 98">
                  <a:extLst>
                    <a:ext uri="{FF2B5EF4-FFF2-40B4-BE49-F238E27FC236}">
                      <a16:creationId xmlns:a16="http://schemas.microsoft.com/office/drawing/2014/main" id="{F66B7FB0-53F6-48E6-9B30-1C6BB9B31A21}"/>
                    </a:ext>
                  </a:extLst>
                </p:cNvPr>
                <p:cNvSpPr/>
                <p:nvPr/>
              </p:nvSpPr>
              <p:spPr>
                <a:xfrm>
                  <a:off x="6977978" y="2544246"/>
                  <a:ext cx="1213523" cy="1664128"/>
                </a:xfrm>
                <a:custGeom>
                  <a:avLst/>
                  <a:gdLst>
                    <a:gd name="connsiteX0" fmla="*/ 777510 w 1213523"/>
                    <a:gd name="connsiteY0" fmla="*/ 0 h 1664128"/>
                    <a:gd name="connsiteX1" fmla="*/ 789650 w 1213523"/>
                    <a:gd name="connsiteY1" fmla="*/ 14621 h 1664128"/>
                    <a:gd name="connsiteX2" fmla="*/ 1213523 w 1213523"/>
                    <a:gd name="connsiteY2" fmla="*/ 1278454 h 1664128"/>
                    <a:gd name="connsiteX3" fmla="*/ 1193193 w 1213523"/>
                    <a:gd name="connsiteY3" fmla="*/ 1571513 h 1664128"/>
                    <a:gd name="connsiteX4" fmla="*/ 1176957 w 1213523"/>
                    <a:gd name="connsiteY4" fmla="*/ 1664128 h 1664128"/>
                    <a:gd name="connsiteX5" fmla="*/ 201089 w 1213523"/>
                    <a:gd name="connsiteY5" fmla="*/ 1456701 h 1664128"/>
                    <a:gd name="connsiteX6" fmla="*/ 208407 w 1213523"/>
                    <a:gd name="connsiteY6" fmla="*/ 1418454 h 1664128"/>
                    <a:gd name="connsiteX7" fmla="*/ 217238 w 1213523"/>
                    <a:gd name="connsiteY7" fmla="*/ 1278454 h 1664128"/>
                    <a:gd name="connsiteX8" fmla="*/ 51150 w 1213523"/>
                    <a:gd name="connsiteY8" fmla="*/ 697184 h 1664128"/>
                    <a:gd name="connsiteX9" fmla="*/ 0 w 1213523"/>
                    <a:gd name="connsiteY9" fmla="*/ 629615 h 1664128"/>
                    <a:gd name="connsiteX10" fmla="*/ 777510 w 1213523"/>
                    <a:gd name="connsiteY10" fmla="*/ 0 h 166412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</a:cxnLst>
                  <a:rect l="l" t="t" r="r" b="b"/>
                  <a:pathLst>
                    <a:path w="1213523" h="1664128">
                      <a:moveTo>
                        <a:pt x="777510" y="0"/>
                      </a:moveTo>
                      <a:lnTo>
                        <a:pt x="789650" y="14621"/>
                      </a:lnTo>
                      <a:cubicBezTo>
                        <a:pt x="1055694" y="365959"/>
                        <a:pt x="1213523" y="803775"/>
                        <a:pt x="1213523" y="1278454"/>
                      </a:cubicBezTo>
                      <a:cubicBezTo>
                        <a:pt x="1213523" y="1377911"/>
                        <a:pt x="1206594" y="1475749"/>
                        <a:pt x="1193193" y="1571513"/>
                      </a:cubicBezTo>
                      <a:lnTo>
                        <a:pt x="1176957" y="1664128"/>
                      </a:lnTo>
                      <a:lnTo>
                        <a:pt x="201089" y="1456701"/>
                      </a:lnTo>
                      <a:lnTo>
                        <a:pt x="208407" y="1418454"/>
                      </a:lnTo>
                      <a:cubicBezTo>
                        <a:pt x="214234" y="1372609"/>
                        <a:pt x="217238" y="1325882"/>
                        <a:pt x="217238" y="1278454"/>
                      </a:cubicBezTo>
                      <a:cubicBezTo>
                        <a:pt x="217238" y="1065028"/>
                        <a:pt x="156412" y="865808"/>
                        <a:pt x="51150" y="697184"/>
                      </a:cubicBezTo>
                      <a:lnTo>
                        <a:pt x="0" y="629615"/>
                      </a:lnTo>
                      <a:lnTo>
                        <a:pt x="777510" y="0"/>
                      </a:lnTo>
                      <a:close/>
                    </a:path>
                  </a:pathLst>
                </a:custGeom>
                <a:solidFill>
                  <a:srgbClr val="00838D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algn="ctr" defTabSz="685800">
                    <a:defRPr/>
                  </a:pPr>
                  <a:endParaRPr lang="en-IN" sz="1350" kern="0">
                    <a:solidFill>
                      <a:prstClr val="white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00" name="Freeform: Shape 99">
                  <a:extLst>
                    <a:ext uri="{FF2B5EF4-FFF2-40B4-BE49-F238E27FC236}">
                      <a16:creationId xmlns:a16="http://schemas.microsoft.com/office/drawing/2014/main" id="{99F1FCB7-6BFA-4F40-83B1-0C0721B52B5B}"/>
                    </a:ext>
                  </a:extLst>
                </p:cNvPr>
                <p:cNvSpPr/>
                <p:nvPr/>
              </p:nvSpPr>
              <p:spPr>
                <a:xfrm>
                  <a:off x="4000500" y="2633589"/>
                  <a:ext cx="1178930" cy="1681764"/>
                </a:xfrm>
                <a:custGeom>
                  <a:avLst/>
                  <a:gdLst>
                    <a:gd name="connsiteX0" fmla="*/ 372412 w 1178930"/>
                    <a:gd name="connsiteY0" fmla="*/ 0 h 1681764"/>
                    <a:gd name="connsiteX1" fmla="*/ 1178930 w 1178930"/>
                    <a:gd name="connsiteY1" fmla="*/ 585970 h 1681764"/>
                    <a:gd name="connsiteX2" fmla="*/ 1162374 w 1178930"/>
                    <a:gd name="connsiteY2" fmla="*/ 607841 h 1681764"/>
                    <a:gd name="connsiteX3" fmla="*/ 996285 w 1178930"/>
                    <a:gd name="connsiteY3" fmla="*/ 1189111 h 1681764"/>
                    <a:gd name="connsiteX4" fmla="*/ 1018617 w 1178930"/>
                    <a:gd name="connsiteY4" fmla="*/ 1410641 h 1681764"/>
                    <a:gd name="connsiteX5" fmla="*/ 1022091 w 1178930"/>
                    <a:gd name="connsiteY5" fmla="*/ 1424149 h 1681764"/>
                    <a:gd name="connsiteX6" fmla="*/ 60659 w 1178930"/>
                    <a:gd name="connsiteY6" fmla="*/ 1681764 h 1681764"/>
                    <a:gd name="connsiteX7" fmla="*/ 42573 w 1178930"/>
                    <a:gd name="connsiteY7" fmla="*/ 1611428 h 1681764"/>
                    <a:gd name="connsiteX8" fmla="*/ 0 w 1178930"/>
                    <a:gd name="connsiteY8" fmla="*/ 1189111 h 1681764"/>
                    <a:gd name="connsiteX9" fmla="*/ 316625 w 1178930"/>
                    <a:gd name="connsiteY9" fmla="*/ 81002 h 1681764"/>
                    <a:gd name="connsiteX10" fmla="*/ 372412 w 1178930"/>
                    <a:gd name="connsiteY10" fmla="*/ 0 h 1681764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</a:cxnLst>
                  <a:rect l="l" t="t" r="r" b="b"/>
                  <a:pathLst>
                    <a:path w="1178930" h="1681764">
                      <a:moveTo>
                        <a:pt x="372412" y="0"/>
                      </a:moveTo>
                      <a:lnTo>
                        <a:pt x="1178930" y="585970"/>
                      </a:lnTo>
                      <a:lnTo>
                        <a:pt x="1162374" y="607841"/>
                      </a:lnTo>
                      <a:cubicBezTo>
                        <a:pt x="1057111" y="776465"/>
                        <a:pt x="996285" y="975685"/>
                        <a:pt x="996285" y="1189111"/>
                      </a:cubicBezTo>
                      <a:cubicBezTo>
                        <a:pt x="996285" y="1264996"/>
                        <a:pt x="1003975" y="1339085"/>
                        <a:pt x="1018617" y="1410641"/>
                      </a:cubicBezTo>
                      <a:lnTo>
                        <a:pt x="1022091" y="1424149"/>
                      </a:lnTo>
                      <a:lnTo>
                        <a:pt x="60659" y="1681764"/>
                      </a:lnTo>
                      <a:lnTo>
                        <a:pt x="42573" y="1611428"/>
                      </a:lnTo>
                      <a:cubicBezTo>
                        <a:pt x="14659" y="1475016"/>
                        <a:pt x="0" y="1333775"/>
                        <a:pt x="0" y="1189111"/>
                      </a:cubicBezTo>
                      <a:cubicBezTo>
                        <a:pt x="0" y="782243"/>
                        <a:pt x="115957" y="402459"/>
                        <a:pt x="316625" y="81002"/>
                      </a:cubicBezTo>
                      <a:lnTo>
                        <a:pt x="372412" y="0"/>
                      </a:lnTo>
                      <a:close/>
                    </a:path>
                  </a:pathLst>
                </a:custGeom>
                <a:solidFill>
                  <a:srgbClr val="62A80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algn="ctr" defTabSz="685800">
                    <a:defRPr/>
                  </a:pPr>
                  <a:endParaRPr lang="en-IN" sz="1350" kern="0">
                    <a:solidFill>
                      <a:prstClr val="white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01" name="Freeform: Shape 100">
                  <a:extLst>
                    <a:ext uri="{FF2B5EF4-FFF2-40B4-BE49-F238E27FC236}">
                      <a16:creationId xmlns:a16="http://schemas.microsoft.com/office/drawing/2014/main" id="{5F4AEC32-E19D-41EA-8612-6E0D63AF2FBE}"/>
                    </a:ext>
                  </a:extLst>
                </p:cNvPr>
                <p:cNvSpPr/>
                <p:nvPr/>
              </p:nvSpPr>
              <p:spPr>
                <a:xfrm>
                  <a:off x="6639468" y="4100670"/>
                  <a:ext cx="1494444" cy="1565763"/>
                </a:xfrm>
                <a:custGeom>
                  <a:avLst/>
                  <a:gdLst>
                    <a:gd name="connsiteX0" fmla="*/ 520084 w 1494444"/>
                    <a:gd name="connsiteY0" fmla="*/ 0 h 1565763"/>
                    <a:gd name="connsiteX1" fmla="*/ 1494444 w 1494444"/>
                    <a:gd name="connsiteY1" fmla="*/ 207107 h 1565763"/>
                    <a:gd name="connsiteX2" fmla="*/ 1472538 w 1494444"/>
                    <a:gd name="connsiteY2" fmla="*/ 295700 h 1565763"/>
                    <a:gd name="connsiteX3" fmla="*/ 455372 w 1494444"/>
                    <a:gd name="connsiteY3" fmla="*/ 1564616 h 1565763"/>
                    <a:gd name="connsiteX4" fmla="*/ 452990 w 1494444"/>
                    <a:gd name="connsiteY4" fmla="*/ 1565763 h 1565763"/>
                    <a:gd name="connsiteX5" fmla="*/ 0 w 1494444"/>
                    <a:gd name="connsiteY5" fmla="*/ 676721 h 1565763"/>
                    <a:gd name="connsiteX6" fmla="*/ 71114 w 1494444"/>
                    <a:gd name="connsiteY6" fmla="*/ 633518 h 1565763"/>
                    <a:gd name="connsiteX7" fmla="*/ 479502 w 1494444"/>
                    <a:gd name="connsiteY7" fmla="*/ 125086 h 1565763"/>
                    <a:gd name="connsiteX8" fmla="*/ 520084 w 1494444"/>
                    <a:gd name="connsiteY8" fmla="*/ 0 h 156576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</a:cxnLst>
                  <a:rect l="l" t="t" r="r" b="b"/>
                  <a:pathLst>
                    <a:path w="1494444" h="1565763">
                      <a:moveTo>
                        <a:pt x="520084" y="0"/>
                      </a:moveTo>
                      <a:lnTo>
                        <a:pt x="1494444" y="207107"/>
                      </a:lnTo>
                      <a:lnTo>
                        <a:pt x="1472538" y="295700"/>
                      </a:lnTo>
                      <a:cubicBezTo>
                        <a:pt x="1317201" y="842648"/>
                        <a:pt x="945287" y="1298478"/>
                        <a:pt x="455372" y="1564616"/>
                      </a:cubicBezTo>
                      <a:lnTo>
                        <a:pt x="452990" y="1565763"/>
                      </a:lnTo>
                      <a:lnTo>
                        <a:pt x="0" y="676721"/>
                      </a:lnTo>
                      <a:lnTo>
                        <a:pt x="71114" y="633518"/>
                      </a:lnTo>
                      <a:cubicBezTo>
                        <a:pt x="253860" y="510057"/>
                        <a:pt x="397483" y="333086"/>
                        <a:pt x="479502" y="125086"/>
                      </a:cubicBezTo>
                      <a:lnTo>
                        <a:pt x="520084" y="0"/>
                      </a:lnTo>
                      <a:close/>
                    </a:path>
                  </a:pathLst>
                </a:custGeom>
                <a:solidFill>
                  <a:srgbClr val="34455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algn="ctr" defTabSz="685800">
                    <a:defRPr/>
                  </a:pPr>
                  <a:endParaRPr lang="en-IN" sz="1350" kern="0">
                    <a:solidFill>
                      <a:prstClr val="white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02" name="Freeform: Shape 101">
                  <a:extLst>
                    <a:ext uri="{FF2B5EF4-FFF2-40B4-BE49-F238E27FC236}">
                      <a16:creationId xmlns:a16="http://schemas.microsoft.com/office/drawing/2014/main" id="{DD35C22E-6E2F-4035-B3CE-3B768B6F9D04}"/>
                    </a:ext>
                  </a:extLst>
                </p:cNvPr>
                <p:cNvSpPr/>
                <p:nvPr/>
              </p:nvSpPr>
              <p:spPr>
                <a:xfrm>
                  <a:off x="4086461" y="4155968"/>
                  <a:ext cx="1516922" cy="1558806"/>
                </a:xfrm>
                <a:custGeom>
                  <a:avLst/>
                  <a:gdLst>
                    <a:gd name="connsiteX0" fmla="*/ 962083 w 1516922"/>
                    <a:gd name="connsiteY0" fmla="*/ 0 h 1558806"/>
                    <a:gd name="connsiteX1" fmla="*/ 996706 w 1516922"/>
                    <a:gd name="connsiteY1" fmla="*/ 94596 h 1558806"/>
                    <a:gd name="connsiteX2" fmla="*/ 1394958 w 1516922"/>
                    <a:gd name="connsiteY2" fmla="*/ 578219 h 1558806"/>
                    <a:gd name="connsiteX3" fmla="*/ 1516922 w 1516922"/>
                    <a:gd name="connsiteY3" fmla="*/ 648320 h 1558806"/>
                    <a:gd name="connsiteX4" fmla="*/ 1111547 w 1516922"/>
                    <a:gd name="connsiteY4" fmla="*/ 1558806 h 1558806"/>
                    <a:gd name="connsiteX5" fmla="*/ 1033049 w 1516922"/>
                    <a:gd name="connsiteY5" fmla="*/ 1521283 h 1558806"/>
                    <a:gd name="connsiteX6" fmla="*/ 8249 w 1516922"/>
                    <a:gd name="connsiteY6" fmla="*/ 289870 h 1558806"/>
                    <a:gd name="connsiteX7" fmla="*/ 0 w 1516922"/>
                    <a:gd name="connsiteY7" fmla="*/ 257790 h 1558806"/>
                    <a:gd name="connsiteX8" fmla="*/ 962083 w 1516922"/>
                    <a:gd name="connsiteY8" fmla="*/ 0 h 155880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</a:cxnLst>
                  <a:rect l="l" t="t" r="r" b="b"/>
                  <a:pathLst>
                    <a:path w="1516922" h="1558806">
                      <a:moveTo>
                        <a:pt x="962083" y="0"/>
                      </a:moveTo>
                      <a:lnTo>
                        <a:pt x="996706" y="94596"/>
                      </a:lnTo>
                      <a:cubicBezTo>
                        <a:pt x="1080141" y="291859"/>
                        <a:pt x="1219522" y="459697"/>
                        <a:pt x="1394958" y="578219"/>
                      </a:cubicBezTo>
                      <a:lnTo>
                        <a:pt x="1516922" y="648320"/>
                      </a:lnTo>
                      <a:lnTo>
                        <a:pt x="1111547" y="1558806"/>
                      </a:lnTo>
                      <a:lnTo>
                        <a:pt x="1033049" y="1521283"/>
                      </a:lnTo>
                      <a:cubicBezTo>
                        <a:pt x="547058" y="1264861"/>
                        <a:pt x="174070" y="823003"/>
                        <a:pt x="8249" y="289870"/>
                      </a:cubicBezTo>
                      <a:lnTo>
                        <a:pt x="0" y="257790"/>
                      </a:lnTo>
                      <a:lnTo>
                        <a:pt x="962083" y="0"/>
                      </a:lnTo>
                      <a:close/>
                    </a:path>
                  </a:pathLst>
                </a:custGeom>
                <a:solidFill>
                  <a:srgbClr val="00838D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algn="ctr" defTabSz="685800">
                    <a:defRPr/>
                  </a:pPr>
                  <a:endParaRPr lang="en-IN" sz="1350" kern="0">
                    <a:solidFill>
                      <a:prstClr val="white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03" name="Freeform: Shape 102">
                  <a:extLst>
                    <a:ext uri="{FF2B5EF4-FFF2-40B4-BE49-F238E27FC236}">
                      <a16:creationId xmlns:a16="http://schemas.microsoft.com/office/drawing/2014/main" id="{14DB7ED2-6D73-4A10-9D9B-85591445C202}"/>
                    </a:ext>
                  </a:extLst>
                </p:cNvPr>
                <p:cNvSpPr/>
                <p:nvPr/>
              </p:nvSpPr>
              <p:spPr>
                <a:xfrm>
                  <a:off x="5290466" y="4823466"/>
                  <a:ext cx="1710437" cy="1094734"/>
                </a:xfrm>
                <a:custGeom>
                  <a:avLst/>
                  <a:gdLst>
                    <a:gd name="connsiteX0" fmla="*/ 1258451 w 1710437"/>
                    <a:gd name="connsiteY0" fmla="*/ 0 h 1094734"/>
                    <a:gd name="connsiteX1" fmla="*/ 1710437 w 1710437"/>
                    <a:gd name="connsiteY1" fmla="*/ 887071 h 1094734"/>
                    <a:gd name="connsiteX2" fmla="*/ 1621199 w 1710437"/>
                    <a:gd name="connsiteY2" fmla="*/ 930059 h 1094734"/>
                    <a:gd name="connsiteX3" fmla="*/ 805535 w 1710437"/>
                    <a:gd name="connsiteY3" fmla="*/ 1094734 h 1094734"/>
                    <a:gd name="connsiteX4" fmla="*/ 133447 w 1710437"/>
                    <a:gd name="connsiteY4" fmla="*/ 984633 h 1094734"/>
                    <a:gd name="connsiteX5" fmla="*/ 0 w 1710437"/>
                    <a:gd name="connsiteY5" fmla="*/ 933440 h 1094734"/>
                    <a:gd name="connsiteX6" fmla="*/ 406435 w 1710437"/>
                    <a:gd name="connsiteY6" fmla="*/ 20572 h 1094734"/>
                    <a:gd name="connsiteX7" fmla="*/ 478662 w 1710437"/>
                    <a:gd name="connsiteY7" fmla="*/ 49031 h 1094734"/>
                    <a:gd name="connsiteX8" fmla="*/ 805535 w 1710437"/>
                    <a:gd name="connsiteY8" fmla="*/ 98449 h 1094734"/>
                    <a:gd name="connsiteX9" fmla="*/ 1233399 w 1710437"/>
                    <a:gd name="connsiteY9" fmla="*/ 12068 h 1094734"/>
                    <a:gd name="connsiteX10" fmla="*/ 1258451 w 1710437"/>
                    <a:gd name="connsiteY10" fmla="*/ 0 h 1094734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</a:cxnLst>
                  <a:rect l="l" t="t" r="r" b="b"/>
                  <a:pathLst>
                    <a:path w="1710437" h="1094734">
                      <a:moveTo>
                        <a:pt x="1258451" y="0"/>
                      </a:moveTo>
                      <a:lnTo>
                        <a:pt x="1710437" y="887071"/>
                      </a:lnTo>
                      <a:lnTo>
                        <a:pt x="1621199" y="930059"/>
                      </a:lnTo>
                      <a:cubicBezTo>
                        <a:pt x="1370496" y="1036098"/>
                        <a:pt x="1094863" y="1094734"/>
                        <a:pt x="805535" y="1094734"/>
                      </a:cubicBezTo>
                      <a:cubicBezTo>
                        <a:pt x="570456" y="1094734"/>
                        <a:pt x="344418" y="1056025"/>
                        <a:pt x="133447" y="984633"/>
                      </a:cubicBezTo>
                      <a:lnTo>
                        <a:pt x="0" y="933440"/>
                      </a:lnTo>
                      <a:lnTo>
                        <a:pt x="406435" y="20572"/>
                      </a:lnTo>
                      <a:lnTo>
                        <a:pt x="478662" y="49031"/>
                      </a:lnTo>
                      <a:cubicBezTo>
                        <a:pt x="581921" y="81148"/>
                        <a:pt x="691708" y="98449"/>
                        <a:pt x="805535" y="98449"/>
                      </a:cubicBezTo>
                      <a:cubicBezTo>
                        <a:pt x="957305" y="98449"/>
                        <a:pt x="1101891" y="67691"/>
                        <a:pt x="1233399" y="12068"/>
                      </a:cubicBezTo>
                      <a:lnTo>
                        <a:pt x="1258451" y="0"/>
                      </a:lnTo>
                      <a:close/>
                    </a:path>
                  </a:pathLst>
                </a:custGeom>
                <a:solidFill>
                  <a:srgbClr val="62A807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algn="ctr" defTabSz="685800">
                    <a:defRPr/>
                  </a:pPr>
                  <a:endParaRPr lang="en-IN" sz="1350" kern="0">
                    <a:solidFill>
                      <a:prstClr val="white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</p:grpSp>
          <p:grpSp>
            <p:nvGrpSpPr>
              <p:cNvPr id="69" name="Group 68">
                <a:extLst>
                  <a:ext uri="{FF2B5EF4-FFF2-40B4-BE49-F238E27FC236}">
                    <a16:creationId xmlns:a16="http://schemas.microsoft.com/office/drawing/2014/main" id="{2877B017-99CB-46E4-B90F-147C08D15831}"/>
                  </a:ext>
                </a:extLst>
              </p:cNvPr>
              <p:cNvGrpSpPr/>
              <p:nvPr/>
            </p:nvGrpSpPr>
            <p:grpSpPr>
              <a:xfrm>
                <a:off x="4297924" y="2146246"/>
                <a:ext cx="3518827" cy="3422059"/>
                <a:chOff x="4297924" y="2146246"/>
                <a:chExt cx="3518827" cy="3422059"/>
              </a:xfrm>
            </p:grpSpPr>
            <p:sp>
              <p:nvSpPr>
                <p:cNvPr id="70" name="Freeform 27">
                  <a:extLst>
                    <a:ext uri="{FF2B5EF4-FFF2-40B4-BE49-F238E27FC236}">
                      <a16:creationId xmlns:a16="http://schemas.microsoft.com/office/drawing/2014/main" id="{26762E74-1DE8-4954-85BF-B2D3194DB757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>
                  <a:off x="4643400" y="4583210"/>
                  <a:ext cx="422195" cy="421387"/>
                </a:xfrm>
                <a:custGeom>
                  <a:avLst/>
                  <a:gdLst>
                    <a:gd name="T0" fmla="*/ 2860 w 3128"/>
                    <a:gd name="T1" fmla="*/ 2857 h 3127"/>
                    <a:gd name="T2" fmla="*/ 2347 w 3128"/>
                    <a:gd name="T3" fmla="*/ 2702 h 3127"/>
                    <a:gd name="T4" fmla="*/ 2860 w 3128"/>
                    <a:gd name="T5" fmla="*/ 2189 h 3127"/>
                    <a:gd name="T6" fmla="*/ 2164 w 3128"/>
                    <a:gd name="T7" fmla="*/ 2519 h 3127"/>
                    <a:gd name="T8" fmla="*/ 1641 w 3128"/>
                    <a:gd name="T9" fmla="*/ 2306 h 3127"/>
                    <a:gd name="T10" fmla="*/ 817 w 3128"/>
                    <a:gd name="T11" fmla="*/ 1492 h 3127"/>
                    <a:gd name="T12" fmla="*/ 555 w 3128"/>
                    <a:gd name="T13" fmla="*/ 1219 h 3127"/>
                    <a:gd name="T14" fmla="*/ 1223 w 3128"/>
                    <a:gd name="T15" fmla="*/ 552 h 3127"/>
                    <a:gd name="T16" fmla="*/ 1492 w 3128"/>
                    <a:gd name="T17" fmla="*/ 817 h 3127"/>
                    <a:gd name="T18" fmla="*/ 2309 w 3128"/>
                    <a:gd name="T19" fmla="*/ 1638 h 3127"/>
                    <a:gd name="T20" fmla="*/ 2523 w 3128"/>
                    <a:gd name="T21" fmla="*/ 2161 h 3127"/>
                    <a:gd name="T22" fmla="*/ 851 w 3128"/>
                    <a:gd name="T23" fmla="*/ 1067 h 3127"/>
                    <a:gd name="T24" fmla="*/ 1071 w 3128"/>
                    <a:gd name="T25" fmla="*/ 848 h 3127"/>
                    <a:gd name="T26" fmla="*/ 1153 w 3128"/>
                    <a:gd name="T27" fmla="*/ 665 h 3127"/>
                    <a:gd name="T28" fmla="*/ 397 w 3128"/>
                    <a:gd name="T29" fmla="*/ 494 h 3127"/>
                    <a:gd name="T30" fmla="*/ 766 w 3128"/>
                    <a:gd name="T31" fmla="*/ 1120 h 3127"/>
                    <a:gd name="T32" fmla="*/ 2397 w 3128"/>
                    <a:gd name="T33" fmla="*/ 34 h 3127"/>
                    <a:gd name="T34" fmla="*/ 1605 w 3128"/>
                    <a:gd name="T35" fmla="*/ 704 h 3127"/>
                    <a:gd name="T36" fmla="*/ 2573 w 3128"/>
                    <a:gd name="T37" fmla="*/ 1373 h 3127"/>
                    <a:gd name="T38" fmla="*/ 2319 w 3128"/>
                    <a:gd name="T39" fmla="*/ 1006 h 3127"/>
                    <a:gd name="T40" fmla="*/ 2686 w 3128"/>
                    <a:gd name="T41" fmla="*/ 1260 h 3127"/>
                    <a:gd name="T42" fmla="*/ 2582 w 3128"/>
                    <a:gd name="T43" fmla="*/ 857 h 3127"/>
                    <a:gd name="T44" fmla="*/ 2695 w 3128"/>
                    <a:gd name="T45" fmla="*/ 744 h 3127"/>
                    <a:gd name="T46" fmla="*/ 3094 w 3128"/>
                    <a:gd name="T47" fmla="*/ 853 h 3127"/>
                    <a:gd name="T48" fmla="*/ 34 w 3128"/>
                    <a:gd name="T49" fmla="*/ 2275 h 3127"/>
                    <a:gd name="T50" fmla="*/ 731 w 3128"/>
                    <a:gd name="T51" fmla="*/ 3094 h 3127"/>
                    <a:gd name="T52" fmla="*/ 998 w 3128"/>
                    <a:gd name="T53" fmla="*/ 2949 h 3127"/>
                    <a:gd name="T54" fmla="*/ 744 w 3128"/>
                    <a:gd name="T55" fmla="*/ 2581 h 3127"/>
                    <a:gd name="T56" fmla="*/ 1111 w 3128"/>
                    <a:gd name="T57" fmla="*/ 2836 h 3127"/>
                    <a:gd name="T58" fmla="*/ 1007 w 3128"/>
                    <a:gd name="T59" fmla="*/ 2432 h 3127"/>
                    <a:gd name="T60" fmla="*/ 1120 w 3128"/>
                    <a:gd name="T61" fmla="*/ 2319 h 3127"/>
                    <a:gd name="T62" fmla="*/ 1523 w 3128"/>
                    <a:gd name="T63" fmla="*/ 2424 h 3127"/>
                    <a:gd name="T64" fmla="*/ 34 w 3128"/>
                    <a:gd name="T65" fmla="*/ 2275 h 312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</a:cxnLst>
                  <a:rect l="0" t="0" r="r" b="b"/>
                  <a:pathLst>
                    <a:path w="3128" h="3127">
                      <a:moveTo>
                        <a:pt x="2860" y="2189"/>
                      </a:moveTo>
                      <a:cubicBezTo>
                        <a:pt x="3045" y="2373"/>
                        <a:pt x="3045" y="2672"/>
                        <a:pt x="2860" y="2857"/>
                      </a:cubicBezTo>
                      <a:cubicBezTo>
                        <a:pt x="2676" y="3041"/>
                        <a:pt x="2377" y="3041"/>
                        <a:pt x="2192" y="2857"/>
                      </a:cubicBezTo>
                      <a:cubicBezTo>
                        <a:pt x="2347" y="2702"/>
                        <a:pt x="2347" y="2702"/>
                        <a:pt x="2347" y="2702"/>
                      </a:cubicBezTo>
                      <a:cubicBezTo>
                        <a:pt x="2706" y="2343"/>
                        <a:pt x="2706" y="2343"/>
                        <a:pt x="2706" y="2343"/>
                      </a:cubicBezTo>
                      <a:lnTo>
                        <a:pt x="2860" y="2189"/>
                      </a:lnTo>
                      <a:close/>
                      <a:moveTo>
                        <a:pt x="2523" y="2161"/>
                      </a:moveTo>
                      <a:cubicBezTo>
                        <a:pt x="2164" y="2519"/>
                        <a:pt x="2164" y="2519"/>
                        <a:pt x="2164" y="2519"/>
                      </a:cubicBezTo>
                      <a:cubicBezTo>
                        <a:pt x="2010" y="2674"/>
                        <a:pt x="2010" y="2674"/>
                        <a:pt x="2010" y="2674"/>
                      </a:cubicBezTo>
                      <a:cubicBezTo>
                        <a:pt x="1641" y="2306"/>
                        <a:pt x="1641" y="2306"/>
                        <a:pt x="1641" y="2306"/>
                      </a:cubicBezTo>
                      <a:cubicBezTo>
                        <a:pt x="1636" y="2311"/>
                        <a:pt x="1636" y="2311"/>
                        <a:pt x="1636" y="2311"/>
                      </a:cubicBezTo>
                      <a:cubicBezTo>
                        <a:pt x="817" y="1492"/>
                        <a:pt x="817" y="1492"/>
                        <a:pt x="817" y="1492"/>
                      </a:cubicBezTo>
                      <a:cubicBezTo>
                        <a:pt x="822" y="1487"/>
                        <a:pt x="822" y="1487"/>
                        <a:pt x="822" y="1487"/>
                      </a:cubicBezTo>
                      <a:cubicBezTo>
                        <a:pt x="555" y="1219"/>
                        <a:pt x="555" y="1219"/>
                        <a:pt x="555" y="1219"/>
                      </a:cubicBezTo>
                      <a:cubicBezTo>
                        <a:pt x="82" y="79"/>
                        <a:pt x="82" y="79"/>
                        <a:pt x="82" y="79"/>
                      </a:cubicBezTo>
                      <a:cubicBezTo>
                        <a:pt x="1223" y="552"/>
                        <a:pt x="1223" y="552"/>
                        <a:pt x="1223" y="552"/>
                      </a:cubicBezTo>
                      <a:cubicBezTo>
                        <a:pt x="1490" y="819"/>
                        <a:pt x="1490" y="819"/>
                        <a:pt x="1490" y="819"/>
                      </a:cubicBezTo>
                      <a:cubicBezTo>
                        <a:pt x="1492" y="817"/>
                        <a:pt x="1492" y="817"/>
                        <a:pt x="1492" y="817"/>
                      </a:cubicBezTo>
                      <a:cubicBezTo>
                        <a:pt x="2311" y="1636"/>
                        <a:pt x="2311" y="1636"/>
                        <a:pt x="2311" y="1636"/>
                      </a:cubicBezTo>
                      <a:cubicBezTo>
                        <a:pt x="2309" y="1638"/>
                        <a:pt x="2309" y="1638"/>
                        <a:pt x="2309" y="1638"/>
                      </a:cubicBezTo>
                      <a:cubicBezTo>
                        <a:pt x="2677" y="2006"/>
                        <a:pt x="2677" y="2006"/>
                        <a:pt x="2677" y="2006"/>
                      </a:cubicBezTo>
                      <a:lnTo>
                        <a:pt x="2523" y="2161"/>
                      </a:lnTo>
                      <a:close/>
                      <a:moveTo>
                        <a:pt x="766" y="1120"/>
                      </a:moveTo>
                      <a:cubicBezTo>
                        <a:pt x="796" y="1108"/>
                        <a:pt x="828" y="1091"/>
                        <a:pt x="851" y="1067"/>
                      </a:cubicBezTo>
                      <a:cubicBezTo>
                        <a:pt x="912" y="1007"/>
                        <a:pt x="895" y="892"/>
                        <a:pt x="870" y="866"/>
                      </a:cubicBezTo>
                      <a:cubicBezTo>
                        <a:pt x="895" y="892"/>
                        <a:pt x="1010" y="908"/>
                        <a:pt x="1071" y="848"/>
                      </a:cubicBezTo>
                      <a:cubicBezTo>
                        <a:pt x="1094" y="825"/>
                        <a:pt x="1111" y="793"/>
                        <a:pt x="1124" y="762"/>
                      </a:cubicBezTo>
                      <a:cubicBezTo>
                        <a:pt x="1145" y="712"/>
                        <a:pt x="1153" y="665"/>
                        <a:pt x="1153" y="665"/>
                      </a:cubicBezTo>
                      <a:cubicBezTo>
                        <a:pt x="498" y="394"/>
                        <a:pt x="498" y="394"/>
                        <a:pt x="498" y="394"/>
                      </a:cubicBezTo>
                      <a:cubicBezTo>
                        <a:pt x="397" y="494"/>
                        <a:pt x="397" y="494"/>
                        <a:pt x="397" y="494"/>
                      </a:cubicBezTo>
                      <a:cubicBezTo>
                        <a:pt x="669" y="1150"/>
                        <a:pt x="669" y="1150"/>
                        <a:pt x="669" y="1150"/>
                      </a:cubicBezTo>
                      <a:cubicBezTo>
                        <a:pt x="669" y="1150"/>
                        <a:pt x="716" y="1141"/>
                        <a:pt x="766" y="1120"/>
                      </a:cubicBezTo>
                      <a:close/>
                      <a:moveTo>
                        <a:pt x="3094" y="731"/>
                      </a:moveTo>
                      <a:cubicBezTo>
                        <a:pt x="2397" y="34"/>
                        <a:pt x="2397" y="34"/>
                        <a:pt x="2397" y="34"/>
                      </a:cubicBezTo>
                      <a:cubicBezTo>
                        <a:pt x="2363" y="0"/>
                        <a:pt x="2309" y="0"/>
                        <a:pt x="2275" y="34"/>
                      </a:cubicBezTo>
                      <a:cubicBezTo>
                        <a:pt x="1605" y="704"/>
                        <a:pt x="1605" y="704"/>
                        <a:pt x="1605" y="704"/>
                      </a:cubicBezTo>
                      <a:cubicBezTo>
                        <a:pt x="2424" y="1523"/>
                        <a:pt x="2424" y="1523"/>
                        <a:pt x="2424" y="1523"/>
                      </a:cubicBezTo>
                      <a:cubicBezTo>
                        <a:pt x="2573" y="1373"/>
                        <a:pt x="2573" y="1373"/>
                        <a:pt x="2573" y="1373"/>
                      </a:cubicBezTo>
                      <a:cubicBezTo>
                        <a:pt x="2319" y="1119"/>
                        <a:pt x="2319" y="1119"/>
                        <a:pt x="2319" y="1119"/>
                      </a:cubicBezTo>
                      <a:cubicBezTo>
                        <a:pt x="2288" y="1088"/>
                        <a:pt x="2288" y="1038"/>
                        <a:pt x="2319" y="1006"/>
                      </a:cubicBezTo>
                      <a:cubicBezTo>
                        <a:pt x="2350" y="975"/>
                        <a:pt x="2401" y="975"/>
                        <a:pt x="2432" y="1006"/>
                      </a:cubicBezTo>
                      <a:cubicBezTo>
                        <a:pt x="2686" y="1260"/>
                        <a:pt x="2686" y="1260"/>
                        <a:pt x="2686" y="1260"/>
                      </a:cubicBezTo>
                      <a:cubicBezTo>
                        <a:pt x="2836" y="1111"/>
                        <a:pt x="2836" y="1111"/>
                        <a:pt x="2836" y="1111"/>
                      </a:cubicBezTo>
                      <a:cubicBezTo>
                        <a:pt x="2582" y="857"/>
                        <a:pt x="2582" y="857"/>
                        <a:pt x="2582" y="857"/>
                      </a:cubicBezTo>
                      <a:cubicBezTo>
                        <a:pt x="2551" y="826"/>
                        <a:pt x="2551" y="775"/>
                        <a:pt x="2582" y="744"/>
                      </a:cubicBezTo>
                      <a:cubicBezTo>
                        <a:pt x="2613" y="713"/>
                        <a:pt x="2664" y="713"/>
                        <a:pt x="2695" y="744"/>
                      </a:cubicBezTo>
                      <a:cubicBezTo>
                        <a:pt x="2949" y="998"/>
                        <a:pt x="2949" y="998"/>
                        <a:pt x="2949" y="998"/>
                      </a:cubicBezTo>
                      <a:cubicBezTo>
                        <a:pt x="3094" y="853"/>
                        <a:pt x="3094" y="853"/>
                        <a:pt x="3094" y="853"/>
                      </a:cubicBezTo>
                      <a:cubicBezTo>
                        <a:pt x="3128" y="819"/>
                        <a:pt x="3128" y="765"/>
                        <a:pt x="3094" y="731"/>
                      </a:cubicBezTo>
                      <a:close/>
                      <a:moveTo>
                        <a:pt x="34" y="2275"/>
                      </a:moveTo>
                      <a:cubicBezTo>
                        <a:pt x="0" y="2308"/>
                        <a:pt x="0" y="2363"/>
                        <a:pt x="34" y="2397"/>
                      </a:cubicBezTo>
                      <a:cubicBezTo>
                        <a:pt x="731" y="3094"/>
                        <a:pt x="731" y="3094"/>
                        <a:pt x="731" y="3094"/>
                      </a:cubicBezTo>
                      <a:cubicBezTo>
                        <a:pt x="765" y="3127"/>
                        <a:pt x="819" y="3127"/>
                        <a:pt x="853" y="3094"/>
                      </a:cubicBezTo>
                      <a:cubicBezTo>
                        <a:pt x="998" y="2949"/>
                        <a:pt x="998" y="2949"/>
                        <a:pt x="998" y="2949"/>
                      </a:cubicBezTo>
                      <a:cubicBezTo>
                        <a:pt x="744" y="2695"/>
                        <a:pt x="744" y="2695"/>
                        <a:pt x="744" y="2695"/>
                      </a:cubicBezTo>
                      <a:cubicBezTo>
                        <a:pt x="713" y="2663"/>
                        <a:pt x="713" y="2613"/>
                        <a:pt x="744" y="2581"/>
                      </a:cubicBezTo>
                      <a:cubicBezTo>
                        <a:pt x="775" y="2550"/>
                        <a:pt x="826" y="2550"/>
                        <a:pt x="857" y="2581"/>
                      </a:cubicBezTo>
                      <a:cubicBezTo>
                        <a:pt x="1111" y="2836"/>
                        <a:pt x="1111" y="2836"/>
                        <a:pt x="1111" y="2836"/>
                      </a:cubicBezTo>
                      <a:cubicBezTo>
                        <a:pt x="1261" y="2686"/>
                        <a:pt x="1261" y="2686"/>
                        <a:pt x="1261" y="2686"/>
                      </a:cubicBezTo>
                      <a:cubicBezTo>
                        <a:pt x="1007" y="2432"/>
                        <a:pt x="1007" y="2432"/>
                        <a:pt x="1007" y="2432"/>
                      </a:cubicBezTo>
                      <a:cubicBezTo>
                        <a:pt x="975" y="2401"/>
                        <a:pt x="975" y="2350"/>
                        <a:pt x="1007" y="2319"/>
                      </a:cubicBezTo>
                      <a:cubicBezTo>
                        <a:pt x="1038" y="2288"/>
                        <a:pt x="1088" y="2288"/>
                        <a:pt x="1120" y="2319"/>
                      </a:cubicBezTo>
                      <a:cubicBezTo>
                        <a:pt x="1374" y="2573"/>
                        <a:pt x="1374" y="2573"/>
                        <a:pt x="1374" y="2573"/>
                      </a:cubicBezTo>
                      <a:cubicBezTo>
                        <a:pt x="1523" y="2424"/>
                        <a:pt x="1523" y="2424"/>
                        <a:pt x="1523" y="2424"/>
                      </a:cubicBezTo>
                      <a:cubicBezTo>
                        <a:pt x="704" y="1604"/>
                        <a:pt x="704" y="1604"/>
                        <a:pt x="704" y="1604"/>
                      </a:cubicBezTo>
                      <a:lnTo>
                        <a:pt x="34" y="2275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>
                  <a:noFill/>
                </a:ln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defTabSz="685800">
                    <a:defRPr/>
                  </a:pPr>
                  <a:endParaRPr lang="en-IN" sz="1350" kern="0">
                    <a:solidFill>
                      <a:prstClr val="black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grpSp>
              <p:nvGrpSpPr>
                <p:cNvPr id="71" name="Group 4">
                  <a:extLst>
                    <a:ext uri="{FF2B5EF4-FFF2-40B4-BE49-F238E27FC236}">
                      <a16:creationId xmlns:a16="http://schemas.microsoft.com/office/drawing/2014/main" id="{35200BCD-A9DC-4A14-9760-99CAFA1D65B0}"/>
                    </a:ext>
                  </a:extLst>
                </p:cNvPr>
                <p:cNvGrpSpPr>
                  <a:grpSpLocks noChangeAspect="1"/>
                </p:cNvGrpSpPr>
                <p:nvPr/>
              </p:nvGrpSpPr>
              <p:grpSpPr bwMode="auto">
                <a:xfrm>
                  <a:off x="6538163" y="2146428"/>
                  <a:ext cx="512385" cy="498865"/>
                  <a:chOff x="1833" y="205"/>
                  <a:chExt cx="4016" cy="3910"/>
                </a:xfrm>
                <a:solidFill>
                  <a:srgbClr val="FFFFFF"/>
                </a:solidFill>
              </p:grpSpPr>
              <p:sp>
                <p:nvSpPr>
                  <p:cNvPr id="94" name="Freeform 5">
                    <a:extLst>
                      <a:ext uri="{FF2B5EF4-FFF2-40B4-BE49-F238E27FC236}">
                        <a16:creationId xmlns:a16="http://schemas.microsoft.com/office/drawing/2014/main" id="{A3FC67CB-E3F2-4351-B948-E60DAFB56593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2813" y="992"/>
                    <a:ext cx="2104" cy="2377"/>
                  </a:xfrm>
                  <a:custGeom>
                    <a:avLst/>
                    <a:gdLst>
                      <a:gd name="T0" fmla="*/ 312 w 926"/>
                      <a:gd name="T1" fmla="*/ 299 h 1048"/>
                      <a:gd name="T2" fmla="*/ 243 w 926"/>
                      <a:gd name="T3" fmla="*/ 147 h 1048"/>
                      <a:gd name="T4" fmla="*/ 16 w 926"/>
                      <a:gd name="T5" fmla="*/ 344 h 1048"/>
                      <a:gd name="T6" fmla="*/ 789 w 926"/>
                      <a:gd name="T7" fmla="*/ 904 h 1048"/>
                      <a:gd name="T8" fmla="*/ 867 w 926"/>
                      <a:gd name="T9" fmla="*/ 721 h 1048"/>
                      <a:gd name="T10" fmla="*/ 715 w 926"/>
                      <a:gd name="T11" fmla="*/ 640 h 1048"/>
                      <a:gd name="T12" fmla="*/ 609 w 926"/>
                      <a:gd name="T13" fmla="*/ 688 h 1048"/>
                      <a:gd name="T14" fmla="*/ 544 w 926"/>
                      <a:gd name="T15" fmla="*/ 731 h 1048"/>
                      <a:gd name="T16" fmla="*/ 337 w 926"/>
                      <a:gd name="T17" fmla="*/ 590 h 1048"/>
                      <a:gd name="T18" fmla="*/ 246 w 926"/>
                      <a:gd name="T19" fmla="*/ 453 h 1048"/>
                      <a:gd name="T20" fmla="*/ 312 w 926"/>
                      <a:gd name="T21" fmla="*/ 299 h 1048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</a:cxnLst>
                    <a:rect l="0" t="0" r="r" b="b"/>
                    <a:pathLst>
                      <a:path w="926" h="1048">
                        <a:moveTo>
                          <a:pt x="312" y="299"/>
                        </a:moveTo>
                        <a:cubicBezTo>
                          <a:pt x="243" y="147"/>
                          <a:pt x="243" y="147"/>
                          <a:pt x="243" y="147"/>
                        </a:cubicBezTo>
                        <a:cubicBezTo>
                          <a:pt x="177" y="0"/>
                          <a:pt x="0" y="233"/>
                          <a:pt x="16" y="344"/>
                        </a:cubicBezTo>
                        <a:cubicBezTo>
                          <a:pt x="53" y="613"/>
                          <a:pt x="526" y="1048"/>
                          <a:pt x="789" y="904"/>
                        </a:cubicBezTo>
                        <a:cubicBezTo>
                          <a:pt x="848" y="872"/>
                          <a:pt x="926" y="757"/>
                          <a:pt x="867" y="721"/>
                        </a:cubicBezTo>
                        <a:cubicBezTo>
                          <a:pt x="715" y="640"/>
                          <a:pt x="715" y="640"/>
                          <a:pt x="715" y="640"/>
                        </a:cubicBezTo>
                        <a:cubicBezTo>
                          <a:pt x="664" y="613"/>
                          <a:pt x="662" y="630"/>
                          <a:pt x="609" y="688"/>
                        </a:cubicBezTo>
                        <a:cubicBezTo>
                          <a:pt x="597" y="702"/>
                          <a:pt x="573" y="737"/>
                          <a:pt x="544" y="731"/>
                        </a:cubicBezTo>
                        <a:cubicBezTo>
                          <a:pt x="485" y="717"/>
                          <a:pt x="373" y="629"/>
                          <a:pt x="337" y="590"/>
                        </a:cubicBezTo>
                        <a:cubicBezTo>
                          <a:pt x="320" y="571"/>
                          <a:pt x="246" y="481"/>
                          <a:pt x="246" y="453"/>
                        </a:cubicBezTo>
                        <a:cubicBezTo>
                          <a:pt x="245" y="405"/>
                          <a:pt x="342" y="384"/>
                          <a:pt x="312" y="299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95" name="Freeform 6">
                    <a:extLst>
                      <a:ext uri="{FF2B5EF4-FFF2-40B4-BE49-F238E27FC236}">
                        <a16:creationId xmlns:a16="http://schemas.microsoft.com/office/drawing/2014/main" id="{32874530-BDC5-4535-942D-828BEE7C52FD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1849" y="205"/>
                    <a:ext cx="4000" cy="2089"/>
                  </a:xfrm>
                  <a:custGeom>
                    <a:avLst/>
                    <a:gdLst>
                      <a:gd name="T0" fmla="*/ 59 w 1760"/>
                      <a:gd name="T1" fmla="*/ 921 h 921"/>
                      <a:gd name="T2" fmla="*/ 118 w 1760"/>
                      <a:gd name="T3" fmla="*/ 862 h 921"/>
                      <a:gd name="T4" fmla="*/ 337 w 1760"/>
                      <a:gd name="T5" fmla="*/ 334 h 921"/>
                      <a:gd name="T6" fmla="*/ 865 w 1760"/>
                      <a:gd name="T7" fmla="*/ 115 h 921"/>
                      <a:gd name="T8" fmla="*/ 1281 w 1760"/>
                      <a:gd name="T9" fmla="*/ 241 h 921"/>
                      <a:gd name="T10" fmla="*/ 1485 w 1760"/>
                      <a:gd name="T11" fmla="*/ 446 h 921"/>
                      <a:gd name="T12" fmla="*/ 1417 w 1760"/>
                      <a:gd name="T13" fmla="*/ 420 h 921"/>
                      <a:gd name="T14" fmla="*/ 1342 w 1760"/>
                      <a:gd name="T15" fmla="*/ 454 h 921"/>
                      <a:gd name="T16" fmla="*/ 1376 w 1760"/>
                      <a:gd name="T17" fmla="*/ 529 h 921"/>
                      <a:gd name="T18" fmla="*/ 1587 w 1760"/>
                      <a:gd name="T19" fmla="*/ 612 h 921"/>
                      <a:gd name="T20" fmla="*/ 1632 w 1760"/>
                      <a:gd name="T21" fmla="*/ 612 h 921"/>
                      <a:gd name="T22" fmla="*/ 1665 w 1760"/>
                      <a:gd name="T23" fmla="*/ 577 h 921"/>
                      <a:gd name="T24" fmla="*/ 1749 w 1760"/>
                      <a:gd name="T25" fmla="*/ 366 h 921"/>
                      <a:gd name="T26" fmla="*/ 1715 w 1760"/>
                      <a:gd name="T27" fmla="*/ 291 h 921"/>
                      <a:gd name="T28" fmla="*/ 1640 w 1760"/>
                      <a:gd name="T29" fmla="*/ 324 h 921"/>
                      <a:gd name="T30" fmla="*/ 1605 w 1760"/>
                      <a:gd name="T31" fmla="*/ 416 h 921"/>
                      <a:gd name="T32" fmla="*/ 1347 w 1760"/>
                      <a:gd name="T33" fmla="*/ 147 h 921"/>
                      <a:gd name="T34" fmla="*/ 865 w 1760"/>
                      <a:gd name="T35" fmla="*/ 0 h 921"/>
                      <a:gd name="T36" fmla="*/ 256 w 1760"/>
                      <a:gd name="T37" fmla="*/ 252 h 921"/>
                      <a:gd name="T38" fmla="*/ 0 w 1760"/>
                      <a:gd name="T39" fmla="*/ 862 h 921"/>
                      <a:gd name="T40" fmla="*/ 59 w 1760"/>
                      <a:gd name="T41" fmla="*/ 921 h 921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  <a:cxn ang="0">
                        <a:pos x="T34" y="T35"/>
                      </a:cxn>
                      <a:cxn ang="0">
                        <a:pos x="T36" y="T37"/>
                      </a:cxn>
                      <a:cxn ang="0">
                        <a:pos x="T38" y="T39"/>
                      </a:cxn>
                      <a:cxn ang="0">
                        <a:pos x="T40" y="T41"/>
                      </a:cxn>
                    </a:cxnLst>
                    <a:rect l="0" t="0" r="r" b="b"/>
                    <a:pathLst>
                      <a:path w="1760" h="921">
                        <a:moveTo>
                          <a:pt x="59" y="921"/>
                        </a:moveTo>
                        <a:cubicBezTo>
                          <a:pt x="91" y="921"/>
                          <a:pt x="118" y="896"/>
                          <a:pt x="118" y="862"/>
                        </a:cubicBezTo>
                        <a:cubicBezTo>
                          <a:pt x="118" y="656"/>
                          <a:pt x="201" y="470"/>
                          <a:pt x="337" y="334"/>
                        </a:cubicBezTo>
                        <a:cubicBezTo>
                          <a:pt x="472" y="200"/>
                          <a:pt x="659" y="115"/>
                          <a:pt x="865" y="115"/>
                        </a:cubicBezTo>
                        <a:cubicBezTo>
                          <a:pt x="1017" y="115"/>
                          <a:pt x="1161" y="161"/>
                          <a:pt x="1281" y="241"/>
                        </a:cubicBezTo>
                        <a:cubicBezTo>
                          <a:pt x="1361" y="296"/>
                          <a:pt x="1430" y="364"/>
                          <a:pt x="1485" y="446"/>
                        </a:cubicBezTo>
                        <a:cubicBezTo>
                          <a:pt x="1417" y="420"/>
                          <a:pt x="1417" y="420"/>
                          <a:pt x="1417" y="420"/>
                        </a:cubicBezTo>
                        <a:cubicBezTo>
                          <a:pt x="1387" y="409"/>
                          <a:pt x="1353" y="424"/>
                          <a:pt x="1342" y="454"/>
                        </a:cubicBezTo>
                        <a:cubicBezTo>
                          <a:pt x="1331" y="484"/>
                          <a:pt x="1345" y="518"/>
                          <a:pt x="1376" y="529"/>
                        </a:cubicBezTo>
                        <a:cubicBezTo>
                          <a:pt x="1587" y="612"/>
                          <a:pt x="1587" y="612"/>
                          <a:pt x="1587" y="612"/>
                        </a:cubicBezTo>
                        <a:cubicBezTo>
                          <a:pt x="1601" y="619"/>
                          <a:pt x="1617" y="619"/>
                          <a:pt x="1632" y="612"/>
                        </a:cubicBezTo>
                        <a:cubicBezTo>
                          <a:pt x="1648" y="606"/>
                          <a:pt x="1659" y="593"/>
                          <a:pt x="1665" y="577"/>
                        </a:cubicBezTo>
                        <a:cubicBezTo>
                          <a:pt x="1749" y="366"/>
                          <a:pt x="1749" y="366"/>
                          <a:pt x="1749" y="366"/>
                        </a:cubicBezTo>
                        <a:cubicBezTo>
                          <a:pt x="1760" y="336"/>
                          <a:pt x="1745" y="302"/>
                          <a:pt x="1715" y="291"/>
                        </a:cubicBezTo>
                        <a:cubicBezTo>
                          <a:pt x="1685" y="280"/>
                          <a:pt x="1651" y="294"/>
                          <a:pt x="1640" y="324"/>
                        </a:cubicBezTo>
                        <a:cubicBezTo>
                          <a:pt x="1605" y="416"/>
                          <a:pt x="1605" y="416"/>
                          <a:pt x="1605" y="416"/>
                        </a:cubicBezTo>
                        <a:cubicBezTo>
                          <a:pt x="1539" y="307"/>
                          <a:pt x="1451" y="216"/>
                          <a:pt x="1347" y="147"/>
                        </a:cubicBezTo>
                        <a:cubicBezTo>
                          <a:pt x="1208" y="52"/>
                          <a:pt x="1041" y="0"/>
                          <a:pt x="865" y="0"/>
                        </a:cubicBezTo>
                        <a:cubicBezTo>
                          <a:pt x="627" y="0"/>
                          <a:pt x="411" y="96"/>
                          <a:pt x="256" y="252"/>
                        </a:cubicBezTo>
                        <a:cubicBezTo>
                          <a:pt x="97" y="408"/>
                          <a:pt x="0" y="624"/>
                          <a:pt x="0" y="862"/>
                        </a:cubicBezTo>
                        <a:cubicBezTo>
                          <a:pt x="0" y="894"/>
                          <a:pt x="27" y="921"/>
                          <a:pt x="59" y="921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96" name="Freeform 7">
                    <a:extLst>
                      <a:ext uri="{FF2B5EF4-FFF2-40B4-BE49-F238E27FC236}">
                        <a16:creationId xmlns:a16="http://schemas.microsoft.com/office/drawing/2014/main" id="{3E70C3B9-9269-40FD-84D0-45397D0CE19E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1833" y="2026"/>
                    <a:ext cx="3993" cy="2089"/>
                  </a:xfrm>
                  <a:custGeom>
                    <a:avLst/>
                    <a:gdLst>
                      <a:gd name="T0" fmla="*/ 1698 w 1757"/>
                      <a:gd name="T1" fmla="*/ 0 h 921"/>
                      <a:gd name="T2" fmla="*/ 1639 w 1757"/>
                      <a:gd name="T3" fmla="*/ 59 h 921"/>
                      <a:gd name="T4" fmla="*/ 1420 w 1757"/>
                      <a:gd name="T5" fmla="*/ 587 h 921"/>
                      <a:gd name="T6" fmla="*/ 892 w 1757"/>
                      <a:gd name="T7" fmla="*/ 806 h 921"/>
                      <a:gd name="T8" fmla="*/ 476 w 1757"/>
                      <a:gd name="T9" fmla="*/ 680 h 921"/>
                      <a:gd name="T10" fmla="*/ 272 w 1757"/>
                      <a:gd name="T11" fmla="*/ 475 h 921"/>
                      <a:gd name="T12" fmla="*/ 340 w 1757"/>
                      <a:gd name="T13" fmla="*/ 501 h 921"/>
                      <a:gd name="T14" fmla="*/ 415 w 1757"/>
                      <a:gd name="T15" fmla="*/ 467 h 921"/>
                      <a:gd name="T16" fmla="*/ 381 w 1757"/>
                      <a:gd name="T17" fmla="*/ 392 h 921"/>
                      <a:gd name="T18" fmla="*/ 170 w 1757"/>
                      <a:gd name="T19" fmla="*/ 309 h 921"/>
                      <a:gd name="T20" fmla="*/ 125 w 1757"/>
                      <a:gd name="T21" fmla="*/ 309 h 921"/>
                      <a:gd name="T22" fmla="*/ 92 w 1757"/>
                      <a:gd name="T23" fmla="*/ 344 h 921"/>
                      <a:gd name="T24" fmla="*/ 12 w 1757"/>
                      <a:gd name="T25" fmla="*/ 555 h 921"/>
                      <a:gd name="T26" fmla="*/ 45 w 1757"/>
                      <a:gd name="T27" fmla="*/ 630 h 921"/>
                      <a:gd name="T28" fmla="*/ 120 w 1757"/>
                      <a:gd name="T29" fmla="*/ 597 h 921"/>
                      <a:gd name="T30" fmla="*/ 156 w 1757"/>
                      <a:gd name="T31" fmla="*/ 505 h 921"/>
                      <a:gd name="T32" fmla="*/ 413 w 1757"/>
                      <a:gd name="T33" fmla="*/ 774 h 921"/>
                      <a:gd name="T34" fmla="*/ 895 w 1757"/>
                      <a:gd name="T35" fmla="*/ 921 h 921"/>
                      <a:gd name="T36" fmla="*/ 1504 w 1757"/>
                      <a:gd name="T37" fmla="*/ 669 h 921"/>
                      <a:gd name="T38" fmla="*/ 1757 w 1757"/>
                      <a:gd name="T39" fmla="*/ 59 h 921"/>
                      <a:gd name="T40" fmla="*/ 1698 w 1757"/>
                      <a:gd name="T41" fmla="*/ 0 h 921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  <a:cxn ang="0">
                        <a:pos x="T34" y="T35"/>
                      </a:cxn>
                      <a:cxn ang="0">
                        <a:pos x="T36" y="T37"/>
                      </a:cxn>
                      <a:cxn ang="0">
                        <a:pos x="T38" y="T39"/>
                      </a:cxn>
                      <a:cxn ang="0">
                        <a:pos x="T40" y="T41"/>
                      </a:cxn>
                    </a:cxnLst>
                    <a:rect l="0" t="0" r="r" b="b"/>
                    <a:pathLst>
                      <a:path w="1757" h="921">
                        <a:moveTo>
                          <a:pt x="1698" y="0"/>
                        </a:moveTo>
                        <a:cubicBezTo>
                          <a:pt x="1666" y="0"/>
                          <a:pt x="1639" y="25"/>
                          <a:pt x="1639" y="59"/>
                        </a:cubicBezTo>
                        <a:cubicBezTo>
                          <a:pt x="1639" y="265"/>
                          <a:pt x="1556" y="451"/>
                          <a:pt x="1420" y="587"/>
                        </a:cubicBezTo>
                        <a:cubicBezTo>
                          <a:pt x="1285" y="721"/>
                          <a:pt x="1098" y="806"/>
                          <a:pt x="892" y="806"/>
                        </a:cubicBezTo>
                        <a:cubicBezTo>
                          <a:pt x="740" y="806"/>
                          <a:pt x="596" y="760"/>
                          <a:pt x="476" y="680"/>
                        </a:cubicBezTo>
                        <a:cubicBezTo>
                          <a:pt x="396" y="625"/>
                          <a:pt x="327" y="557"/>
                          <a:pt x="272" y="475"/>
                        </a:cubicBezTo>
                        <a:cubicBezTo>
                          <a:pt x="340" y="501"/>
                          <a:pt x="340" y="501"/>
                          <a:pt x="340" y="501"/>
                        </a:cubicBezTo>
                        <a:cubicBezTo>
                          <a:pt x="370" y="512"/>
                          <a:pt x="404" y="497"/>
                          <a:pt x="415" y="467"/>
                        </a:cubicBezTo>
                        <a:cubicBezTo>
                          <a:pt x="426" y="437"/>
                          <a:pt x="412" y="403"/>
                          <a:pt x="381" y="392"/>
                        </a:cubicBezTo>
                        <a:cubicBezTo>
                          <a:pt x="170" y="309"/>
                          <a:pt x="170" y="309"/>
                          <a:pt x="170" y="309"/>
                        </a:cubicBezTo>
                        <a:cubicBezTo>
                          <a:pt x="156" y="302"/>
                          <a:pt x="140" y="302"/>
                          <a:pt x="125" y="309"/>
                        </a:cubicBezTo>
                        <a:cubicBezTo>
                          <a:pt x="109" y="315"/>
                          <a:pt x="98" y="328"/>
                          <a:pt x="92" y="344"/>
                        </a:cubicBezTo>
                        <a:cubicBezTo>
                          <a:pt x="12" y="555"/>
                          <a:pt x="12" y="555"/>
                          <a:pt x="12" y="555"/>
                        </a:cubicBezTo>
                        <a:cubicBezTo>
                          <a:pt x="0" y="585"/>
                          <a:pt x="15" y="619"/>
                          <a:pt x="45" y="630"/>
                        </a:cubicBezTo>
                        <a:cubicBezTo>
                          <a:pt x="76" y="641"/>
                          <a:pt x="109" y="627"/>
                          <a:pt x="120" y="597"/>
                        </a:cubicBezTo>
                        <a:cubicBezTo>
                          <a:pt x="156" y="505"/>
                          <a:pt x="156" y="505"/>
                          <a:pt x="156" y="505"/>
                        </a:cubicBezTo>
                        <a:cubicBezTo>
                          <a:pt x="221" y="614"/>
                          <a:pt x="309" y="705"/>
                          <a:pt x="413" y="774"/>
                        </a:cubicBezTo>
                        <a:cubicBezTo>
                          <a:pt x="552" y="869"/>
                          <a:pt x="719" y="921"/>
                          <a:pt x="895" y="921"/>
                        </a:cubicBezTo>
                        <a:cubicBezTo>
                          <a:pt x="1133" y="921"/>
                          <a:pt x="1349" y="825"/>
                          <a:pt x="1504" y="669"/>
                        </a:cubicBezTo>
                        <a:cubicBezTo>
                          <a:pt x="1661" y="512"/>
                          <a:pt x="1757" y="297"/>
                          <a:pt x="1757" y="59"/>
                        </a:cubicBezTo>
                        <a:cubicBezTo>
                          <a:pt x="1757" y="27"/>
                          <a:pt x="1730" y="0"/>
                          <a:pt x="1698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</p:grpSp>
            <p:sp>
              <p:nvSpPr>
                <p:cNvPr id="72" name="Freeform 11">
                  <a:extLst>
                    <a:ext uri="{FF2B5EF4-FFF2-40B4-BE49-F238E27FC236}">
                      <a16:creationId xmlns:a16="http://schemas.microsoft.com/office/drawing/2014/main" id="{C5079FEB-9AEB-4340-9F46-E4386F424462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>
                  <a:off x="5077099" y="2146246"/>
                  <a:ext cx="500613" cy="499228"/>
                </a:xfrm>
                <a:custGeom>
                  <a:avLst/>
                  <a:gdLst>
                    <a:gd name="T0" fmla="*/ 3111 w 3111"/>
                    <a:gd name="T1" fmla="*/ 1368 h 3110"/>
                    <a:gd name="T2" fmla="*/ 2862 w 3111"/>
                    <a:gd name="T3" fmla="*/ 1368 h 3110"/>
                    <a:gd name="T4" fmla="*/ 1748 w 3111"/>
                    <a:gd name="T5" fmla="*/ 255 h 3110"/>
                    <a:gd name="T6" fmla="*/ 1748 w 3111"/>
                    <a:gd name="T7" fmla="*/ 0 h 3110"/>
                    <a:gd name="T8" fmla="*/ 1374 w 3111"/>
                    <a:gd name="T9" fmla="*/ 0 h 3110"/>
                    <a:gd name="T10" fmla="*/ 1374 w 3111"/>
                    <a:gd name="T11" fmla="*/ 255 h 3110"/>
                    <a:gd name="T12" fmla="*/ 261 w 3111"/>
                    <a:gd name="T13" fmla="*/ 1368 h 3110"/>
                    <a:gd name="T14" fmla="*/ 0 w 3111"/>
                    <a:gd name="T15" fmla="*/ 1368 h 3110"/>
                    <a:gd name="T16" fmla="*/ 0 w 3111"/>
                    <a:gd name="T17" fmla="*/ 1742 h 3110"/>
                    <a:gd name="T18" fmla="*/ 261 w 3111"/>
                    <a:gd name="T19" fmla="*/ 1742 h 3110"/>
                    <a:gd name="T20" fmla="*/ 1374 w 3111"/>
                    <a:gd name="T21" fmla="*/ 2856 h 3110"/>
                    <a:gd name="T22" fmla="*/ 1374 w 3111"/>
                    <a:gd name="T23" fmla="*/ 3110 h 3110"/>
                    <a:gd name="T24" fmla="*/ 1748 w 3111"/>
                    <a:gd name="T25" fmla="*/ 3110 h 3110"/>
                    <a:gd name="T26" fmla="*/ 1748 w 3111"/>
                    <a:gd name="T27" fmla="*/ 2856 h 3110"/>
                    <a:gd name="T28" fmla="*/ 2862 w 3111"/>
                    <a:gd name="T29" fmla="*/ 1742 h 3110"/>
                    <a:gd name="T30" fmla="*/ 3111 w 3111"/>
                    <a:gd name="T31" fmla="*/ 1742 h 3110"/>
                    <a:gd name="T32" fmla="*/ 3111 w 3111"/>
                    <a:gd name="T33" fmla="*/ 1368 h 3110"/>
                    <a:gd name="T34" fmla="*/ 1748 w 3111"/>
                    <a:gd name="T35" fmla="*/ 2477 h 3110"/>
                    <a:gd name="T36" fmla="*/ 1748 w 3111"/>
                    <a:gd name="T37" fmla="*/ 2268 h 3110"/>
                    <a:gd name="T38" fmla="*/ 1374 w 3111"/>
                    <a:gd name="T39" fmla="*/ 2268 h 3110"/>
                    <a:gd name="T40" fmla="*/ 1374 w 3111"/>
                    <a:gd name="T41" fmla="*/ 2477 h 3110"/>
                    <a:gd name="T42" fmla="*/ 639 w 3111"/>
                    <a:gd name="T43" fmla="*/ 1742 h 3110"/>
                    <a:gd name="T44" fmla="*/ 843 w 3111"/>
                    <a:gd name="T45" fmla="*/ 1742 h 3110"/>
                    <a:gd name="T46" fmla="*/ 843 w 3111"/>
                    <a:gd name="T47" fmla="*/ 1368 h 3110"/>
                    <a:gd name="T48" fmla="*/ 639 w 3111"/>
                    <a:gd name="T49" fmla="*/ 1368 h 3110"/>
                    <a:gd name="T50" fmla="*/ 1374 w 3111"/>
                    <a:gd name="T51" fmla="*/ 633 h 3110"/>
                    <a:gd name="T52" fmla="*/ 1374 w 3111"/>
                    <a:gd name="T53" fmla="*/ 843 h 3110"/>
                    <a:gd name="T54" fmla="*/ 1748 w 3111"/>
                    <a:gd name="T55" fmla="*/ 843 h 3110"/>
                    <a:gd name="T56" fmla="*/ 1748 w 3111"/>
                    <a:gd name="T57" fmla="*/ 633 h 3110"/>
                    <a:gd name="T58" fmla="*/ 2483 w 3111"/>
                    <a:gd name="T59" fmla="*/ 1368 h 3110"/>
                    <a:gd name="T60" fmla="*/ 2268 w 3111"/>
                    <a:gd name="T61" fmla="*/ 1368 h 3110"/>
                    <a:gd name="T62" fmla="*/ 2268 w 3111"/>
                    <a:gd name="T63" fmla="*/ 1742 h 3110"/>
                    <a:gd name="T64" fmla="*/ 2483 w 3111"/>
                    <a:gd name="T65" fmla="*/ 1742 h 3110"/>
                    <a:gd name="T66" fmla="*/ 1748 w 3111"/>
                    <a:gd name="T67" fmla="*/ 2477 h 311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</a:cxnLst>
                  <a:rect l="0" t="0" r="r" b="b"/>
                  <a:pathLst>
                    <a:path w="3111" h="3110">
                      <a:moveTo>
                        <a:pt x="3111" y="1368"/>
                      </a:moveTo>
                      <a:cubicBezTo>
                        <a:pt x="2862" y="1368"/>
                        <a:pt x="2862" y="1368"/>
                        <a:pt x="2862" y="1368"/>
                      </a:cubicBezTo>
                      <a:cubicBezTo>
                        <a:pt x="2779" y="792"/>
                        <a:pt x="2324" y="337"/>
                        <a:pt x="1748" y="255"/>
                      </a:cubicBezTo>
                      <a:cubicBezTo>
                        <a:pt x="1748" y="0"/>
                        <a:pt x="1748" y="0"/>
                        <a:pt x="1748" y="0"/>
                      </a:cubicBezTo>
                      <a:cubicBezTo>
                        <a:pt x="1374" y="0"/>
                        <a:pt x="1374" y="0"/>
                        <a:pt x="1374" y="0"/>
                      </a:cubicBezTo>
                      <a:cubicBezTo>
                        <a:pt x="1374" y="255"/>
                        <a:pt x="1374" y="255"/>
                        <a:pt x="1374" y="255"/>
                      </a:cubicBezTo>
                      <a:cubicBezTo>
                        <a:pt x="799" y="337"/>
                        <a:pt x="343" y="792"/>
                        <a:pt x="261" y="1368"/>
                      </a:cubicBezTo>
                      <a:cubicBezTo>
                        <a:pt x="0" y="1368"/>
                        <a:pt x="0" y="1368"/>
                        <a:pt x="0" y="1368"/>
                      </a:cubicBezTo>
                      <a:cubicBezTo>
                        <a:pt x="0" y="1742"/>
                        <a:pt x="0" y="1742"/>
                        <a:pt x="0" y="1742"/>
                      </a:cubicBezTo>
                      <a:cubicBezTo>
                        <a:pt x="261" y="1742"/>
                        <a:pt x="261" y="1742"/>
                        <a:pt x="261" y="1742"/>
                      </a:cubicBezTo>
                      <a:cubicBezTo>
                        <a:pt x="343" y="2318"/>
                        <a:pt x="799" y="2773"/>
                        <a:pt x="1374" y="2856"/>
                      </a:cubicBezTo>
                      <a:cubicBezTo>
                        <a:pt x="1374" y="3110"/>
                        <a:pt x="1374" y="3110"/>
                        <a:pt x="1374" y="3110"/>
                      </a:cubicBezTo>
                      <a:cubicBezTo>
                        <a:pt x="1748" y="3110"/>
                        <a:pt x="1748" y="3110"/>
                        <a:pt x="1748" y="3110"/>
                      </a:cubicBezTo>
                      <a:cubicBezTo>
                        <a:pt x="1748" y="2856"/>
                        <a:pt x="1748" y="2856"/>
                        <a:pt x="1748" y="2856"/>
                      </a:cubicBezTo>
                      <a:cubicBezTo>
                        <a:pt x="2324" y="2773"/>
                        <a:pt x="2779" y="2318"/>
                        <a:pt x="2862" y="1742"/>
                      </a:cubicBezTo>
                      <a:cubicBezTo>
                        <a:pt x="3111" y="1742"/>
                        <a:pt x="3111" y="1742"/>
                        <a:pt x="3111" y="1742"/>
                      </a:cubicBezTo>
                      <a:lnTo>
                        <a:pt x="3111" y="1368"/>
                      </a:lnTo>
                      <a:close/>
                      <a:moveTo>
                        <a:pt x="1748" y="2477"/>
                      </a:moveTo>
                      <a:cubicBezTo>
                        <a:pt x="1748" y="2268"/>
                        <a:pt x="1748" y="2268"/>
                        <a:pt x="1748" y="2268"/>
                      </a:cubicBezTo>
                      <a:cubicBezTo>
                        <a:pt x="1374" y="2268"/>
                        <a:pt x="1374" y="2268"/>
                        <a:pt x="1374" y="2268"/>
                      </a:cubicBezTo>
                      <a:cubicBezTo>
                        <a:pt x="1374" y="2477"/>
                        <a:pt x="1374" y="2477"/>
                        <a:pt x="1374" y="2477"/>
                      </a:cubicBezTo>
                      <a:cubicBezTo>
                        <a:pt x="1005" y="2402"/>
                        <a:pt x="714" y="2111"/>
                        <a:pt x="639" y="1742"/>
                      </a:cubicBezTo>
                      <a:cubicBezTo>
                        <a:pt x="843" y="1742"/>
                        <a:pt x="843" y="1742"/>
                        <a:pt x="843" y="1742"/>
                      </a:cubicBezTo>
                      <a:cubicBezTo>
                        <a:pt x="843" y="1368"/>
                        <a:pt x="843" y="1368"/>
                        <a:pt x="843" y="1368"/>
                      </a:cubicBezTo>
                      <a:cubicBezTo>
                        <a:pt x="639" y="1368"/>
                        <a:pt x="639" y="1368"/>
                        <a:pt x="639" y="1368"/>
                      </a:cubicBezTo>
                      <a:cubicBezTo>
                        <a:pt x="714" y="999"/>
                        <a:pt x="1005" y="708"/>
                        <a:pt x="1374" y="633"/>
                      </a:cubicBezTo>
                      <a:cubicBezTo>
                        <a:pt x="1374" y="843"/>
                        <a:pt x="1374" y="843"/>
                        <a:pt x="1374" y="843"/>
                      </a:cubicBezTo>
                      <a:cubicBezTo>
                        <a:pt x="1748" y="843"/>
                        <a:pt x="1748" y="843"/>
                        <a:pt x="1748" y="843"/>
                      </a:cubicBezTo>
                      <a:cubicBezTo>
                        <a:pt x="1748" y="633"/>
                        <a:pt x="1748" y="633"/>
                        <a:pt x="1748" y="633"/>
                      </a:cubicBezTo>
                      <a:cubicBezTo>
                        <a:pt x="2117" y="708"/>
                        <a:pt x="2409" y="999"/>
                        <a:pt x="2483" y="1368"/>
                      </a:cubicBezTo>
                      <a:cubicBezTo>
                        <a:pt x="2268" y="1368"/>
                        <a:pt x="2268" y="1368"/>
                        <a:pt x="2268" y="1368"/>
                      </a:cubicBezTo>
                      <a:cubicBezTo>
                        <a:pt x="2268" y="1742"/>
                        <a:pt x="2268" y="1742"/>
                        <a:pt x="2268" y="1742"/>
                      </a:cubicBezTo>
                      <a:cubicBezTo>
                        <a:pt x="2483" y="1742"/>
                        <a:pt x="2483" y="1742"/>
                        <a:pt x="2483" y="1742"/>
                      </a:cubicBezTo>
                      <a:cubicBezTo>
                        <a:pt x="2409" y="2111"/>
                        <a:pt x="2117" y="2402"/>
                        <a:pt x="1748" y="2477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>
                  <a:noFill/>
                </a:ln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defTabSz="685800">
                    <a:defRPr/>
                  </a:pPr>
                  <a:endParaRPr lang="en-IN" sz="1350" kern="0">
                    <a:solidFill>
                      <a:prstClr val="black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grpSp>
              <p:nvGrpSpPr>
                <p:cNvPr id="73" name="Group 72">
                  <a:extLst>
                    <a:ext uri="{FF2B5EF4-FFF2-40B4-BE49-F238E27FC236}">
                      <a16:creationId xmlns:a16="http://schemas.microsoft.com/office/drawing/2014/main" id="{E17B13CB-94D6-45EA-9EC4-5AE492B8DF6D}"/>
                    </a:ext>
                  </a:extLst>
                </p:cNvPr>
                <p:cNvGrpSpPr/>
                <p:nvPr/>
              </p:nvGrpSpPr>
              <p:grpSpPr>
                <a:xfrm>
                  <a:off x="4297924" y="3252638"/>
                  <a:ext cx="495852" cy="494711"/>
                  <a:chOff x="4052704" y="4242944"/>
                  <a:chExt cx="495852" cy="494711"/>
                </a:xfrm>
                <a:solidFill>
                  <a:srgbClr val="FFFFFF"/>
                </a:solidFill>
              </p:grpSpPr>
              <p:sp>
                <p:nvSpPr>
                  <p:cNvPr id="88" name="Freeform 15">
                    <a:extLst>
                      <a:ext uri="{FF2B5EF4-FFF2-40B4-BE49-F238E27FC236}">
                        <a16:creationId xmlns:a16="http://schemas.microsoft.com/office/drawing/2014/main" id="{4FE2EA4B-76F0-4AEA-923F-A9896D1AF5EE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4168944" y="4242944"/>
                    <a:ext cx="145300" cy="58921"/>
                  </a:xfrm>
                  <a:custGeom>
                    <a:avLst/>
                    <a:gdLst>
                      <a:gd name="T0" fmla="*/ 600 w 600"/>
                      <a:gd name="T1" fmla="*/ 0 h 244"/>
                      <a:gd name="T2" fmla="*/ 0 w 600"/>
                      <a:gd name="T3" fmla="*/ 0 h 244"/>
                      <a:gd name="T4" fmla="*/ 0 w 600"/>
                      <a:gd name="T5" fmla="*/ 244 h 244"/>
                      <a:gd name="T6" fmla="*/ 600 w 600"/>
                      <a:gd name="T7" fmla="*/ 244 h 244"/>
                      <a:gd name="T8" fmla="*/ 600 w 600"/>
                      <a:gd name="T9" fmla="*/ 0 h 244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</a:cxnLst>
                    <a:rect l="0" t="0" r="r" b="b"/>
                    <a:pathLst>
                      <a:path w="600" h="244">
                        <a:moveTo>
                          <a:pt x="600" y="0"/>
                        </a:moveTo>
                        <a:cubicBezTo>
                          <a:pt x="0" y="0"/>
                          <a:pt x="0" y="0"/>
                          <a:pt x="0" y="0"/>
                        </a:cubicBezTo>
                        <a:cubicBezTo>
                          <a:pt x="0" y="87"/>
                          <a:pt x="0" y="157"/>
                          <a:pt x="0" y="244"/>
                        </a:cubicBezTo>
                        <a:cubicBezTo>
                          <a:pt x="600" y="244"/>
                          <a:pt x="600" y="244"/>
                          <a:pt x="600" y="244"/>
                        </a:cubicBezTo>
                        <a:cubicBezTo>
                          <a:pt x="600" y="157"/>
                          <a:pt x="600" y="87"/>
                          <a:pt x="600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89" name="Oval 16">
                    <a:extLst>
                      <a:ext uri="{FF2B5EF4-FFF2-40B4-BE49-F238E27FC236}">
                        <a16:creationId xmlns:a16="http://schemas.microsoft.com/office/drawing/2014/main" id="{F0FF079A-6D3C-4E26-98AB-759CD4042115}"/>
                      </a:ext>
                    </a:extLst>
                  </p:cNvPr>
                  <p:cNvSpPr>
                    <a:spLocks noChangeArrowheads="1"/>
                  </p:cNvSpPr>
                  <p:nvPr/>
                </p:nvSpPr>
                <p:spPr bwMode="auto">
                  <a:xfrm>
                    <a:off x="4314245" y="4620727"/>
                    <a:ext cx="28946" cy="29060"/>
                  </a:xfrm>
                  <a:prstGeom prst="ellipse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90" name="Freeform 17">
                    <a:extLst>
                      <a:ext uri="{FF2B5EF4-FFF2-40B4-BE49-F238E27FC236}">
                        <a16:creationId xmlns:a16="http://schemas.microsoft.com/office/drawing/2014/main" id="{4E7BE1F4-9151-44B1-8C97-BA4DC94B9526}"/>
                      </a:ext>
                    </a:extLst>
                  </p:cNvPr>
                  <p:cNvSpPr>
                    <a:spLocks noEditPoints="1"/>
                  </p:cNvSpPr>
                  <p:nvPr/>
                </p:nvSpPr>
                <p:spPr bwMode="auto">
                  <a:xfrm>
                    <a:off x="4052704" y="4272920"/>
                    <a:ext cx="377667" cy="464735"/>
                  </a:xfrm>
                  <a:custGeom>
                    <a:avLst/>
                    <a:gdLst>
                      <a:gd name="T0" fmla="*/ 1302 w 1560"/>
                      <a:gd name="T1" fmla="*/ 463 h 1924"/>
                      <a:gd name="T2" fmla="*/ 1225 w 1560"/>
                      <a:gd name="T3" fmla="*/ 540 h 1924"/>
                      <a:gd name="T4" fmla="*/ 1302 w 1560"/>
                      <a:gd name="T5" fmla="*/ 618 h 1924"/>
                      <a:gd name="T6" fmla="*/ 1218 w 1560"/>
                      <a:gd name="T7" fmla="*/ 703 h 1924"/>
                      <a:gd name="T8" fmla="*/ 1140 w 1560"/>
                      <a:gd name="T9" fmla="*/ 625 h 1924"/>
                      <a:gd name="T10" fmla="*/ 1062 w 1560"/>
                      <a:gd name="T11" fmla="*/ 703 h 1924"/>
                      <a:gd name="T12" fmla="*/ 978 w 1560"/>
                      <a:gd name="T13" fmla="*/ 618 h 1924"/>
                      <a:gd name="T14" fmla="*/ 1055 w 1560"/>
                      <a:gd name="T15" fmla="*/ 540 h 1924"/>
                      <a:gd name="T16" fmla="*/ 978 w 1560"/>
                      <a:gd name="T17" fmla="*/ 463 h 1924"/>
                      <a:gd name="T18" fmla="*/ 1062 w 1560"/>
                      <a:gd name="T19" fmla="*/ 378 h 1924"/>
                      <a:gd name="T20" fmla="*/ 1140 w 1560"/>
                      <a:gd name="T21" fmla="*/ 455 h 1924"/>
                      <a:gd name="T22" fmla="*/ 1218 w 1560"/>
                      <a:gd name="T23" fmla="*/ 378 h 1924"/>
                      <a:gd name="T24" fmla="*/ 1302 w 1560"/>
                      <a:gd name="T25" fmla="*/ 463 h 1924"/>
                      <a:gd name="T26" fmla="*/ 1140 w 1560"/>
                      <a:gd name="T27" fmla="*/ 1680 h 1924"/>
                      <a:gd name="T28" fmla="*/ 960 w 1560"/>
                      <a:gd name="T29" fmla="*/ 1500 h 1924"/>
                      <a:gd name="T30" fmla="*/ 1080 w 1560"/>
                      <a:gd name="T31" fmla="*/ 1331 h 1924"/>
                      <a:gd name="T32" fmla="*/ 1080 w 1560"/>
                      <a:gd name="T33" fmla="*/ 1080 h 1924"/>
                      <a:gd name="T34" fmla="*/ 480 w 1560"/>
                      <a:gd name="T35" fmla="*/ 1080 h 1924"/>
                      <a:gd name="T36" fmla="*/ 480 w 1560"/>
                      <a:gd name="T37" fmla="*/ 565 h 1924"/>
                      <a:gd name="T38" fmla="*/ 342 w 1560"/>
                      <a:gd name="T39" fmla="*/ 703 h 1924"/>
                      <a:gd name="T40" fmla="*/ 258 w 1560"/>
                      <a:gd name="T41" fmla="*/ 618 h 1924"/>
                      <a:gd name="T42" fmla="*/ 540 w 1560"/>
                      <a:gd name="T43" fmla="*/ 335 h 1924"/>
                      <a:gd name="T44" fmla="*/ 822 w 1560"/>
                      <a:gd name="T45" fmla="*/ 618 h 1924"/>
                      <a:gd name="T46" fmla="*/ 738 w 1560"/>
                      <a:gd name="T47" fmla="*/ 703 h 1924"/>
                      <a:gd name="T48" fmla="*/ 600 w 1560"/>
                      <a:gd name="T49" fmla="*/ 565 h 1924"/>
                      <a:gd name="T50" fmla="*/ 600 w 1560"/>
                      <a:gd name="T51" fmla="*/ 960 h 1924"/>
                      <a:gd name="T52" fmla="*/ 1200 w 1560"/>
                      <a:gd name="T53" fmla="*/ 960 h 1924"/>
                      <a:gd name="T54" fmla="*/ 1200 w 1560"/>
                      <a:gd name="T55" fmla="*/ 1331 h 1924"/>
                      <a:gd name="T56" fmla="*/ 1320 w 1560"/>
                      <a:gd name="T57" fmla="*/ 1500 h 1924"/>
                      <a:gd name="T58" fmla="*/ 1140 w 1560"/>
                      <a:gd name="T59" fmla="*/ 1680 h 1924"/>
                      <a:gd name="T60" fmla="*/ 582 w 1560"/>
                      <a:gd name="T61" fmla="*/ 1578 h 1924"/>
                      <a:gd name="T62" fmla="*/ 498 w 1560"/>
                      <a:gd name="T63" fmla="*/ 1663 h 1924"/>
                      <a:gd name="T64" fmla="*/ 420 w 1560"/>
                      <a:gd name="T65" fmla="*/ 1585 h 1924"/>
                      <a:gd name="T66" fmla="*/ 342 w 1560"/>
                      <a:gd name="T67" fmla="*/ 1663 h 1924"/>
                      <a:gd name="T68" fmla="*/ 258 w 1560"/>
                      <a:gd name="T69" fmla="*/ 1578 h 1924"/>
                      <a:gd name="T70" fmla="*/ 335 w 1560"/>
                      <a:gd name="T71" fmla="*/ 1500 h 1924"/>
                      <a:gd name="T72" fmla="*/ 258 w 1560"/>
                      <a:gd name="T73" fmla="*/ 1423 h 1924"/>
                      <a:gd name="T74" fmla="*/ 342 w 1560"/>
                      <a:gd name="T75" fmla="*/ 1338 h 1924"/>
                      <a:gd name="T76" fmla="*/ 420 w 1560"/>
                      <a:gd name="T77" fmla="*/ 1415 h 1924"/>
                      <a:gd name="T78" fmla="*/ 498 w 1560"/>
                      <a:gd name="T79" fmla="*/ 1338 h 1924"/>
                      <a:gd name="T80" fmla="*/ 582 w 1560"/>
                      <a:gd name="T81" fmla="*/ 1423 h 1924"/>
                      <a:gd name="T82" fmla="*/ 505 w 1560"/>
                      <a:gd name="T83" fmla="*/ 1500 h 1924"/>
                      <a:gd name="T84" fmla="*/ 582 w 1560"/>
                      <a:gd name="T85" fmla="*/ 1578 h 1924"/>
                      <a:gd name="T86" fmla="*/ 1200 w 1560"/>
                      <a:gd name="T87" fmla="*/ 240 h 1924"/>
                      <a:gd name="T88" fmla="*/ 360 w 1560"/>
                      <a:gd name="T89" fmla="*/ 240 h 1924"/>
                      <a:gd name="T90" fmla="*/ 360 w 1560"/>
                      <a:gd name="T91" fmla="*/ 0 h 1924"/>
                      <a:gd name="T92" fmla="*/ 0 w 1560"/>
                      <a:gd name="T93" fmla="*/ 0 h 1924"/>
                      <a:gd name="T94" fmla="*/ 0 w 1560"/>
                      <a:gd name="T95" fmla="*/ 1924 h 1924"/>
                      <a:gd name="T96" fmla="*/ 1560 w 1560"/>
                      <a:gd name="T97" fmla="*/ 1924 h 1924"/>
                      <a:gd name="T98" fmla="*/ 1560 w 1560"/>
                      <a:gd name="T99" fmla="*/ 0 h 1924"/>
                      <a:gd name="T100" fmla="*/ 1200 w 1560"/>
                      <a:gd name="T101" fmla="*/ 0 h 1924"/>
                      <a:gd name="T102" fmla="*/ 1200 w 1560"/>
                      <a:gd name="T103" fmla="*/ 240 h 1924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  <a:cxn ang="0">
                        <a:pos x="T34" y="T35"/>
                      </a:cxn>
                      <a:cxn ang="0">
                        <a:pos x="T36" y="T37"/>
                      </a:cxn>
                      <a:cxn ang="0">
                        <a:pos x="T38" y="T39"/>
                      </a:cxn>
                      <a:cxn ang="0">
                        <a:pos x="T40" y="T41"/>
                      </a:cxn>
                      <a:cxn ang="0">
                        <a:pos x="T42" y="T43"/>
                      </a:cxn>
                      <a:cxn ang="0">
                        <a:pos x="T44" y="T45"/>
                      </a:cxn>
                      <a:cxn ang="0">
                        <a:pos x="T46" y="T47"/>
                      </a:cxn>
                      <a:cxn ang="0">
                        <a:pos x="T48" y="T49"/>
                      </a:cxn>
                      <a:cxn ang="0">
                        <a:pos x="T50" y="T51"/>
                      </a:cxn>
                      <a:cxn ang="0">
                        <a:pos x="T52" y="T53"/>
                      </a:cxn>
                      <a:cxn ang="0">
                        <a:pos x="T54" y="T55"/>
                      </a:cxn>
                      <a:cxn ang="0">
                        <a:pos x="T56" y="T57"/>
                      </a:cxn>
                      <a:cxn ang="0">
                        <a:pos x="T58" y="T59"/>
                      </a:cxn>
                      <a:cxn ang="0">
                        <a:pos x="T60" y="T61"/>
                      </a:cxn>
                      <a:cxn ang="0">
                        <a:pos x="T62" y="T63"/>
                      </a:cxn>
                      <a:cxn ang="0">
                        <a:pos x="T64" y="T65"/>
                      </a:cxn>
                      <a:cxn ang="0">
                        <a:pos x="T66" y="T67"/>
                      </a:cxn>
                      <a:cxn ang="0">
                        <a:pos x="T68" y="T69"/>
                      </a:cxn>
                      <a:cxn ang="0">
                        <a:pos x="T70" y="T71"/>
                      </a:cxn>
                      <a:cxn ang="0">
                        <a:pos x="T72" y="T73"/>
                      </a:cxn>
                      <a:cxn ang="0">
                        <a:pos x="T74" y="T75"/>
                      </a:cxn>
                      <a:cxn ang="0">
                        <a:pos x="T76" y="T77"/>
                      </a:cxn>
                      <a:cxn ang="0">
                        <a:pos x="T78" y="T79"/>
                      </a:cxn>
                      <a:cxn ang="0">
                        <a:pos x="T80" y="T81"/>
                      </a:cxn>
                      <a:cxn ang="0">
                        <a:pos x="T82" y="T83"/>
                      </a:cxn>
                      <a:cxn ang="0">
                        <a:pos x="T84" y="T85"/>
                      </a:cxn>
                      <a:cxn ang="0">
                        <a:pos x="T86" y="T87"/>
                      </a:cxn>
                      <a:cxn ang="0">
                        <a:pos x="T88" y="T89"/>
                      </a:cxn>
                      <a:cxn ang="0">
                        <a:pos x="T90" y="T91"/>
                      </a:cxn>
                      <a:cxn ang="0">
                        <a:pos x="T92" y="T93"/>
                      </a:cxn>
                      <a:cxn ang="0">
                        <a:pos x="T94" y="T95"/>
                      </a:cxn>
                      <a:cxn ang="0">
                        <a:pos x="T96" y="T97"/>
                      </a:cxn>
                      <a:cxn ang="0">
                        <a:pos x="T98" y="T99"/>
                      </a:cxn>
                      <a:cxn ang="0">
                        <a:pos x="T100" y="T101"/>
                      </a:cxn>
                      <a:cxn ang="0">
                        <a:pos x="T102" y="T103"/>
                      </a:cxn>
                    </a:cxnLst>
                    <a:rect l="0" t="0" r="r" b="b"/>
                    <a:pathLst>
                      <a:path w="1560" h="1924">
                        <a:moveTo>
                          <a:pt x="1302" y="463"/>
                        </a:moveTo>
                        <a:cubicBezTo>
                          <a:pt x="1225" y="540"/>
                          <a:pt x="1225" y="540"/>
                          <a:pt x="1225" y="540"/>
                        </a:cubicBezTo>
                        <a:cubicBezTo>
                          <a:pt x="1302" y="618"/>
                          <a:pt x="1302" y="618"/>
                          <a:pt x="1302" y="618"/>
                        </a:cubicBezTo>
                        <a:cubicBezTo>
                          <a:pt x="1218" y="703"/>
                          <a:pt x="1218" y="703"/>
                          <a:pt x="1218" y="703"/>
                        </a:cubicBezTo>
                        <a:cubicBezTo>
                          <a:pt x="1140" y="625"/>
                          <a:pt x="1140" y="625"/>
                          <a:pt x="1140" y="625"/>
                        </a:cubicBezTo>
                        <a:cubicBezTo>
                          <a:pt x="1062" y="703"/>
                          <a:pt x="1062" y="703"/>
                          <a:pt x="1062" y="703"/>
                        </a:cubicBezTo>
                        <a:cubicBezTo>
                          <a:pt x="978" y="618"/>
                          <a:pt x="978" y="618"/>
                          <a:pt x="978" y="618"/>
                        </a:cubicBezTo>
                        <a:cubicBezTo>
                          <a:pt x="1055" y="540"/>
                          <a:pt x="1055" y="540"/>
                          <a:pt x="1055" y="540"/>
                        </a:cubicBezTo>
                        <a:cubicBezTo>
                          <a:pt x="978" y="463"/>
                          <a:pt x="978" y="463"/>
                          <a:pt x="978" y="463"/>
                        </a:cubicBezTo>
                        <a:cubicBezTo>
                          <a:pt x="1062" y="378"/>
                          <a:pt x="1062" y="378"/>
                          <a:pt x="1062" y="378"/>
                        </a:cubicBezTo>
                        <a:cubicBezTo>
                          <a:pt x="1140" y="455"/>
                          <a:pt x="1140" y="455"/>
                          <a:pt x="1140" y="455"/>
                        </a:cubicBezTo>
                        <a:cubicBezTo>
                          <a:pt x="1218" y="378"/>
                          <a:pt x="1218" y="378"/>
                          <a:pt x="1218" y="378"/>
                        </a:cubicBezTo>
                        <a:cubicBezTo>
                          <a:pt x="1302" y="463"/>
                          <a:pt x="1302" y="463"/>
                          <a:pt x="1302" y="463"/>
                        </a:cubicBezTo>
                        <a:close/>
                        <a:moveTo>
                          <a:pt x="1140" y="1680"/>
                        </a:moveTo>
                        <a:cubicBezTo>
                          <a:pt x="1041" y="1680"/>
                          <a:pt x="960" y="1599"/>
                          <a:pt x="960" y="1500"/>
                        </a:cubicBezTo>
                        <a:cubicBezTo>
                          <a:pt x="960" y="1422"/>
                          <a:pt x="1010" y="1356"/>
                          <a:pt x="1080" y="1331"/>
                        </a:cubicBezTo>
                        <a:cubicBezTo>
                          <a:pt x="1080" y="1080"/>
                          <a:pt x="1080" y="1080"/>
                          <a:pt x="1080" y="1080"/>
                        </a:cubicBezTo>
                        <a:cubicBezTo>
                          <a:pt x="480" y="1080"/>
                          <a:pt x="480" y="1080"/>
                          <a:pt x="480" y="1080"/>
                        </a:cubicBezTo>
                        <a:cubicBezTo>
                          <a:pt x="480" y="565"/>
                          <a:pt x="480" y="565"/>
                          <a:pt x="480" y="565"/>
                        </a:cubicBezTo>
                        <a:cubicBezTo>
                          <a:pt x="342" y="703"/>
                          <a:pt x="342" y="703"/>
                          <a:pt x="342" y="703"/>
                        </a:cubicBezTo>
                        <a:cubicBezTo>
                          <a:pt x="258" y="618"/>
                          <a:pt x="258" y="618"/>
                          <a:pt x="258" y="618"/>
                        </a:cubicBezTo>
                        <a:cubicBezTo>
                          <a:pt x="540" y="335"/>
                          <a:pt x="540" y="335"/>
                          <a:pt x="540" y="335"/>
                        </a:cubicBezTo>
                        <a:cubicBezTo>
                          <a:pt x="822" y="618"/>
                          <a:pt x="822" y="618"/>
                          <a:pt x="822" y="618"/>
                        </a:cubicBezTo>
                        <a:cubicBezTo>
                          <a:pt x="738" y="703"/>
                          <a:pt x="738" y="703"/>
                          <a:pt x="738" y="703"/>
                        </a:cubicBezTo>
                        <a:cubicBezTo>
                          <a:pt x="600" y="565"/>
                          <a:pt x="600" y="565"/>
                          <a:pt x="600" y="565"/>
                        </a:cubicBezTo>
                        <a:cubicBezTo>
                          <a:pt x="600" y="960"/>
                          <a:pt x="600" y="960"/>
                          <a:pt x="600" y="960"/>
                        </a:cubicBezTo>
                        <a:cubicBezTo>
                          <a:pt x="1200" y="960"/>
                          <a:pt x="1200" y="960"/>
                          <a:pt x="1200" y="960"/>
                        </a:cubicBezTo>
                        <a:cubicBezTo>
                          <a:pt x="1200" y="1331"/>
                          <a:pt x="1200" y="1331"/>
                          <a:pt x="1200" y="1331"/>
                        </a:cubicBezTo>
                        <a:cubicBezTo>
                          <a:pt x="1270" y="1356"/>
                          <a:pt x="1320" y="1422"/>
                          <a:pt x="1320" y="1500"/>
                        </a:cubicBezTo>
                        <a:cubicBezTo>
                          <a:pt x="1320" y="1599"/>
                          <a:pt x="1239" y="1680"/>
                          <a:pt x="1140" y="1680"/>
                        </a:cubicBezTo>
                        <a:close/>
                        <a:moveTo>
                          <a:pt x="582" y="1578"/>
                        </a:moveTo>
                        <a:cubicBezTo>
                          <a:pt x="498" y="1663"/>
                          <a:pt x="498" y="1663"/>
                          <a:pt x="498" y="1663"/>
                        </a:cubicBezTo>
                        <a:cubicBezTo>
                          <a:pt x="420" y="1585"/>
                          <a:pt x="420" y="1585"/>
                          <a:pt x="420" y="1585"/>
                        </a:cubicBezTo>
                        <a:cubicBezTo>
                          <a:pt x="342" y="1663"/>
                          <a:pt x="342" y="1663"/>
                          <a:pt x="342" y="1663"/>
                        </a:cubicBezTo>
                        <a:cubicBezTo>
                          <a:pt x="258" y="1578"/>
                          <a:pt x="258" y="1578"/>
                          <a:pt x="258" y="1578"/>
                        </a:cubicBezTo>
                        <a:cubicBezTo>
                          <a:pt x="335" y="1500"/>
                          <a:pt x="335" y="1500"/>
                          <a:pt x="335" y="1500"/>
                        </a:cubicBezTo>
                        <a:cubicBezTo>
                          <a:pt x="258" y="1423"/>
                          <a:pt x="258" y="1423"/>
                          <a:pt x="258" y="1423"/>
                        </a:cubicBezTo>
                        <a:cubicBezTo>
                          <a:pt x="342" y="1338"/>
                          <a:pt x="342" y="1338"/>
                          <a:pt x="342" y="1338"/>
                        </a:cubicBezTo>
                        <a:cubicBezTo>
                          <a:pt x="420" y="1415"/>
                          <a:pt x="420" y="1415"/>
                          <a:pt x="420" y="1415"/>
                        </a:cubicBezTo>
                        <a:cubicBezTo>
                          <a:pt x="498" y="1338"/>
                          <a:pt x="498" y="1338"/>
                          <a:pt x="498" y="1338"/>
                        </a:cubicBezTo>
                        <a:cubicBezTo>
                          <a:pt x="582" y="1423"/>
                          <a:pt x="582" y="1423"/>
                          <a:pt x="582" y="1423"/>
                        </a:cubicBezTo>
                        <a:cubicBezTo>
                          <a:pt x="505" y="1500"/>
                          <a:pt x="505" y="1500"/>
                          <a:pt x="505" y="1500"/>
                        </a:cubicBezTo>
                        <a:cubicBezTo>
                          <a:pt x="582" y="1578"/>
                          <a:pt x="582" y="1578"/>
                          <a:pt x="582" y="1578"/>
                        </a:cubicBezTo>
                        <a:close/>
                        <a:moveTo>
                          <a:pt x="1200" y="240"/>
                        </a:moveTo>
                        <a:cubicBezTo>
                          <a:pt x="360" y="240"/>
                          <a:pt x="360" y="240"/>
                          <a:pt x="360" y="240"/>
                        </a:cubicBezTo>
                        <a:cubicBezTo>
                          <a:pt x="360" y="0"/>
                          <a:pt x="360" y="0"/>
                          <a:pt x="360" y="0"/>
                        </a:cubicBezTo>
                        <a:cubicBezTo>
                          <a:pt x="0" y="0"/>
                          <a:pt x="0" y="0"/>
                          <a:pt x="0" y="0"/>
                        </a:cubicBezTo>
                        <a:cubicBezTo>
                          <a:pt x="0" y="1924"/>
                          <a:pt x="0" y="1924"/>
                          <a:pt x="0" y="1924"/>
                        </a:cubicBezTo>
                        <a:cubicBezTo>
                          <a:pt x="1560" y="1924"/>
                          <a:pt x="1560" y="1924"/>
                          <a:pt x="1560" y="1924"/>
                        </a:cubicBezTo>
                        <a:cubicBezTo>
                          <a:pt x="1560" y="0"/>
                          <a:pt x="1560" y="0"/>
                          <a:pt x="1560" y="0"/>
                        </a:cubicBezTo>
                        <a:cubicBezTo>
                          <a:pt x="1200" y="0"/>
                          <a:pt x="1200" y="0"/>
                          <a:pt x="1200" y="0"/>
                        </a:cubicBezTo>
                        <a:cubicBezTo>
                          <a:pt x="1200" y="240"/>
                          <a:pt x="1200" y="240"/>
                          <a:pt x="1200" y="24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91" name="Freeform 18">
                    <a:extLst>
                      <a:ext uri="{FF2B5EF4-FFF2-40B4-BE49-F238E27FC236}">
                        <a16:creationId xmlns:a16="http://schemas.microsoft.com/office/drawing/2014/main" id="{355356DD-93B8-4618-AD21-731CC20B540C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4461376" y="4301865"/>
                    <a:ext cx="87180" cy="86952"/>
                  </a:xfrm>
                  <a:custGeom>
                    <a:avLst/>
                    <a:gdLst>
                      <a:gd name="T0" fmla="*/ 180 w 360"/>
                      <a:gd name="T1" fmla="*/ 0 h 360"/>
                      <a:gd name="T2" fmla="*/ 0 w 360"/>
                      <a:gd name="T3" fmla="*/ 180 h 360"/>
                      <a:gd name="T4" fmla="*/ 0 w 360"/>
                      <a:gd name="T5" fmla="*/ 360 h 360"/>
                      <a:gd name="T6" fmla="*/ 360 w 360"/>
                      <a:gd name="T7" fmla="*/ 360 h 360"/>
                      <a:gd name="T8" fmla="*/ 360 w 360"/>
                      <a:gd name="T9" fmla="*/ 180 h 360"/>
                      <a:gd name="T10" fmla="*/ 180 w 360"/>
                      <a:gd name="T11" fmla="*/ 0 h 36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360" h="360">
                        <a:moveTo>
                          <a:pt x="180" y="0"/>
                        </a:moveTo>
                        <a:cubicBezTo>
                          <a:pt x="81" y="0"/>
                          <a:pt x="0" y="81"/>
                          <a:pt x="0" y="180"/>
                        </a:cubicBezTo>
                        <a:cubicBezTo>
                          <a:pt x="0" y="360"/>
                          <a:pt x="0" y="360"/>
                          <a:pt x="0" y="360"/>
                        </a:cubicBezTo>
                        <a:cubicBezTo>
                          <a:pt x="360" y="360"/>
                          <a:pt x="360" y="360"/>
                          <a:pt x="360" y="360"/>
                        </a:cubicBezTo>
                        <a:cubicBezTo>
                          <a:pt x="360" y="180"/>
                          <a:pt x="360" y="180"/>
                          <a:pt x="360" y="180"/>
                        </a:cubicBezTo>
                        <a:cubicBezTo>
                          <a:pt x="360" y="81"/>
                          <a:pt x="279" y="0"/>
                          <a:pt x="180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92" name="Freeform 19">
                    <a:extLst>
                      <a:ext uri="{FF2B5EF4-FFF2-40B4-BE49-F238E27FC236}">
                        <a16:creationId xmlns:a16="http://schemas.microsoft.com/office/drawing/2014/main" id="{C8F5A986-BA3C-4DCF-899F-AEC4F4D564E7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4461376" y="4417878"/>
                    <a:ext cx="87180" cy="166925"/>
                  </a:xfrm>
                  <a:custGeom>
                    <a:avLst/>
                    <a:gdLst>
                      <a:gd name="T0" fmla="*/ 0 w 360"/>
                      <a:gd name="T1" fmla="*/ 691 h 691"/>
                      <a:gd name="T2" fmla="*/ 180 w 360"/>
                      <a:gd name="T3" fmla="*/ 634 h 691"/>
                      <a:gd name="T4" fmla="*/ 357 w 360"/>
                      <a:gd name="T5" fmla="*/ 689 h 691"/>
                      <a:gd name="T6" fmla="*/ 360 w 360"/>
                      <a:gd name="T7" fmla="*/ 0 h 691"/>
                      <a:gd name="T8" fmla="*/ 0 w 360"/>
                      <a:gd name="T9" fmla="*/ 0 h 691"/>
                      <a:gd name="T10" fmla="*/ 0 w 360"/>
                      <a:gd name="T11" fmla="*/ 691 h 691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360" h="691">
                        <a:moveTo>
                          <a:pt x="0" y="691"/>
                        </a:moveTo>
                        <a:cubicBezTo>
                          <a:pt x="51" y="654"/>
                          <a:pt x="113" y="634"/>
                          <a:pt x="180" y="634"/>
                        </a:cubicBezTo>
                        <a:cubicBezTo>
                          <a:pt x="246" y="634"/>
                          <a:pt x="307" y="654"/>
                          <a:pt x="357" y="689"/>
                        </a:cubicBezTo>
                        <a:cubicBezTo>
                          <a:pt x="360" y="0"/>
                          <a:pt x="360" y="0"/>
                          <a:pt x="360" y="0"/>
                        </a:cubicBezTo>
                        <a:cubicBezTo>
                          <a:pt x="0" y="0"/>
                          <a:pt x="0" y="0"/>
                          <a:pt x="0" y="0"/>
                        </a:cubicBezTo>
                        <a:cubicBezTo>
                          <a:pt x="0" y="691"/>
                          <a:pt x="0" y="691"/>
                          <a:pt x="0" y="691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93" name="Freeform 20">
                    <a:extLst>
                      <a:ext uri="{FF2B5EF4-FFF2-40B4-BE49-F238E27FC236}">
                        <a16:creationId xmlns:a16="http://schemas.microsoft.com/office/drawing/2014/main" id="{E95E3FA2-04AC-4088-97F6-62BEE35DE2C6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4466524" y="4600019"/>
                    <a:ext cx="77227" cy="101368"/>
                  </a:xfrm>
                  <a:custGeom>
                    <a:avLst/>
                    <a:gdLst>
                      <a:gd name="T0" fmla="*/ 159 w 319"/>
                      <a:gd name="T1" fmla="*/ 0 h 420"/>
                      <a:gd name="T2" fmla="*/ 0 w 319"/>
                      <a:gd name="T3" fmla="*/ 92 h 420"/>
                      <a:gd name="T4" fmla="*/ 91 w 319"/>
                      <a:gd name="T5" fmla="*/ 371 h 420"/>
                      <a:gd name="T6" fmla="*/ 159 w 319"/>
                      <a:gd name="T7" fmla="*/ 420 h 420"/>
                      <a:gd name="T8" fmla="*/ 227 w 319"/>
                      <a:gd name="T9" fmla="*/ 371 h 420"/>
                      <a:gd name="T10" fmla="*/ 319 w 319"/>
                      <a:gd name="T11" fmla="*/ 95 h 420"/>
                      <a:gd name="T12" fmla="*/ 159 w 319"/>
                      <a:gd name="T13" fmla="*/ 0 h 42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319" h="420">
                        <a:moveTo>
                          <a:pt x="159" y="0"/>
                        </a:moveTo>
                        <a:cubicBezTo>
                          <a:pt x="91" y="0"/>
                          <a:pt x="33" y="36"/>
                          <a:pt x="0" y="92"/>
                        </a:cubicBezTo>
                        <a:cubicBezTo>
                          <a:pt x="91" y="371"/>
                          <a:pt x="91" y="371"/>
                          <a:pt x="91" y="371"/>
                        </a:cubicBezTo>
                        <a:cubicBezTo>
                          <a:pt x="100" y="400"/>
                          <a:pt x="128" y="420"/>
                          <a:pt x="159" y="420"/>
                        </a:cubicBezTo>
                        <a:cubicBezTo>
                          <a:pt x="190" y="420"/>
                          <a:pt x="218" y="400"/>
                          <a:pt x="227" y="371"/>
                        </a:cubicBezTo>
                        <a:cubicBezTo>
                          <a:pt x="319" y="95"/>
                          <a:pt x="319" y="95"/>
                          <a:pt x="319" y="95"/>
                        </a:cubicBezTo>
                        <a:cubicBezTo>
                          <a:pt x="287" y="37"/>
                          <a:pt x="228" y="0"/>
                          <a:pt x="159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</p:grpSp>
            <p:grpSp>
              <p:nvGrpSpPr>
                <p:cNvPr id="74" name="Group 73">
                  <a:extLst>
                    <a:ext uri="{FF2B5EF4-FFF2-40B4-BE49-F238E27FC236}">
                      <a16:creationId xmlns:a16="http://schemas.microsoft.com/office/drawing/2014/main" id="{D74C36A7-898C-4C40-8106-8B1DEE197048}"/>
                    </a:ext>
                  </a:extLst>
                </p:cNvPr>
                <p:cNvGrpSpPr/>
                <p:nvPr/>
              </p:nvGrpSpPr>
              <p:grpSpPr>
                <a:xfrm>
                  <a:off x="7231600" y="4607044"/>
                  <a:ext cx="373886" cy="373718"/>
                  <a:chOff x="-8372344" y="563268"/>
                  <a:chExt cx="6858000" cy="6854825"/>
                </a:xfrm>
                <a:solidFill>
                  <a:srgbClr val="FFFFFF"/>
                </a:solidFill>
              </p:grpSpPr>
              <p:sp>
                <p:nvSpPr>
                  <p:cNvPr id="81" name="Freeform 9">
                    <a:extLst>
                      <a:ext uri="{FF2B5EF4-FFF2-40B4-BE49-F238E27FC236}">
                        <a16:creationId xmlns:a16="http://schemas.microsoft.com/office/drawing/2014/main" id="{0777B265-BB3B-48DE-85A2-77153D96841C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-7343644" y="1517356"/>
                    <a:ext cx="3487738" cy="434975"/>
                  </a:xfrm>
                  <a:custGeom>
                    <a:avLst/>
                    <a:gdLst>
                      <a:gd name="T0" fmla="*/ 0 w 2197"/>
                      <a:gd name="T1" fmla="*/ 0 h 274"/>
                      <a:gd name="T2" fmla="*/ 2197 w 2197"/>
                      <a:gd name="T3" fmla="*/ 0 h 274"/>
                      <a:gd name="T4" fmla="*/ 2197 w 2197"/>
                      <a:gd name="T5" fmla="*/ 274 h 274"/>
                      <a:gd name="T6" fmla="*/ 0 w 2197"/>
                      <a:gd name="T7" fmla="*/ 274 h 274"/>
                      <a:gd name="T8" fmla="*/ 0 w 2197"/>
                      <a:gd name="T9" fmla="*/ 0 h 274"/>
                      <a:gd name="T10" fmla="*/ 0 w 2197"/>
                      <a:gd name="T11" fmla="*/ 0 h 274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2197" h="274">
                        <a:moveTo>
                          <a:pt x="0" y="0"/>
                        </a:moveTo>
                        <a:lnTo>
                          <a:pt x="2197" y="0"/>
                        </a:lnTo>
                        <a:lnTo>
                          <a:pt x="2197" y="274"/>
                        </a:lnTo>
                        <a:lnTo>
                          <a:pt x="0" y="274"/>
                        </a:lnTo>
                        <a:lnTo>
                          <a:pt x="0" y="0"/>
                        </a:lnTo>
                        <a:lnTo>
                          <a:pt x="0" y="0"/>
                        </a:ln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82" name="Freeform 10">
                    <a:extLst>
                      <a:ext uri="{FF2B5EF4-FFF2-40B4-BE49-F238E27FC236}">
                        <a16:creationId xmlns:a16="http://schemas.microsoft.com/office/drawing/2014/main" id="{F8861435-3789-47AB-A67A-A370C4DE58CA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-7343644" y="2687343"/>
                    <a:ext cx="3487738" cy="434975"/>
                  </a:xfrm>
                  <a:custGeom>
                    <a:avLst/>
                    <a:gdLst>
                      <a:gd name="T0" fmla="*/ 0 w 2197"/>
                      <a:gd name="T1" fmla="*/ 0 h 274"/>
                      <a:gd name="T2" fmla="*/ 2197 w 2197"/>
                      <a:gd name="T3" fmla="*/ 0 h 274"/>
                      <a:gd name="T4" fmla="*/ 2197 w 2197"/>
                      <a:gd name="T5" fmla="*/ 274 h 274"/>
                      <a:gd name="T6" fmla="*/ 0 w 2197"/>
                      <a:gd name="T7" fmla="*/ 274 h 274"/>
                      <a:gd name="T8" fmla="*/ 0 w 2197"/>
                      <a:gd name="T9" fmla="*/ 0 h 274"/>
                      <a:gd name="T10" fmla="*/ 0 w 2197"/>
                      <a:gd name="T11" fmla="*/ 0 h 274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2197" h="274">
                        <a:moveTo>
                          <a:pt x="0" y="0"/>
                        </a:moveTo>
                        <a:lnTo>
                          <a:pt x="2197" y="0"/>
                        </a:lnTo>
                        <a:lnTo>
                          <a:pt x="2197" y="274"/>
                        </a:lnTo>
                        <a:lnTo>
                          <a:pt x="0" y="274"/>
                        </a:lnTo>
                        <a:lnTo>
                          <a:pt x="0" y="0"/>
                        </a:lnTo>
                        <a:lnTo>
                          <a:pt x="0" y="0"/>
                        </a:ln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83" name="Freeform 11">
                    <a:extLst>
                      <a:ext uri="{FF2B5EF4-FFF2-40B4-BE49-F238E27FC236}">
                        <a16:creationId xmlns:a16="http://schemas.microsoft.com/office/drawing/2014/main" id="{1F07132A-BB2F-465D-8B61-F5FC2647DAB0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-7343644" y="3771606"/>
                    <a:ext cx="1938338" cy="438150"/>
                  </a:xfrm>
                  <a:custGeom>
                    <a:avLst/>
                    <a:gdLst>
                      <a:gd name="T0" fmla="*/ 0 w 1221"/>
                      <a:gd name="T1" fmla="*/ 0 h 276"/>
                      <a:gd name="T2" fmla="*/ 1221 w 1221"/>
                      <a:gd name="T3" fmla="*/ 0 h 276"/>
                      <a:gd name="T4" fmla="*/ 1221 w 1221"/>
                      <a:gd name="T5" fmla="*/ 276 h 276"/>
                      <a:gd name="T6" fmla="*/ 0 w 1221"/>
                      <a:gd name="T7" fmla="*/ 276 h 276"/>
                      <a:gd name="T8" fmla="*/ 0 w 1221"/>
                      <a:gd name="T9" fmla="*/ 0 h 276"/>
                      <a:gd name="T10" fmla="*/ 0 w 1221"/>
                      <a:gd name="T11" fmla="*/ 0 h 276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1221" h="276">
                        <a:moveTo>
                          <a:pt x="0" y="0"/>
                        </a:moveTo>
                        <a:lnTo>
                          <a:pt x="1221" y="0"/>
                        </a:lnTo>
                        <a:lnTo>
                          <a:pt x="1221" y="276"/>
                        </a:lnTo>
                        <a:lnTo>
                          <a:pt x="0" y="276"/>
                        </a:lnTo>
                        <a:lnTo>
                          <a:pt x="0" y="0"/>
                        </a:lnTo>
                        <a:lnTo>
                          <a:pt x="0" y="0"/>
                        </a:ln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84" name="Freeform 12">
                    <a:extLst>
                      <a:ext uri="{FF2B5EF4-FFF2-40B4-BE49-F238E27FC236}">
                        <a16:creationId xmlns:a16="http://schemas.microsoft.com/office/drawing/2014/main" id="{3FF7AF7F-B845-4B9E-9538-E986A503E18E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-7343644" y="5020968"/>
                    <a:ext cx="1938338" cy="434975"/>
                  </a:xfrm>
                  <a:custGeom>
                    <a:avLst/>
                    <a:gdLst>
                      <a:gd name="T0" fmla="*/ 0 w 1221"/>
                      <a:gd name="T1" fmla="*/ 0 h 274"/>
                      <a:gd name="T2" fmla="*/ 1221 w 1221"/>
                      <a:gd name="T3" fmla="*/ 0 h 274"/>
                      <a:gd name="T4" fmla="*/ 1221 w 1221"/>
                      <a:gd name="T5" fmla="*/ 274 h 274"/>
                      <a:gd name="T6" fmla="*/ 0 w 1221"/>
                      <a:gd name="T7" fmla="*/ 274 h 274"/>
                      <a:gd name="T8" fmla="*/ 0 w 1221"/>
                      <a:gd name="T9" fmla="*/ 0 h 274"/>
                      <a:gd name="T10" fmla="*/ 0 w 1221"/>
                      <a:gd name="T11" fmla="*/ 0 h 274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1221" h="274">
                        <a:moveTo>
                          <a:pt x="0" y="0"/>
                        </a:moveTo>
                        <a:lnTo>
                          <a:pt x="1221" y="0"/>
                        </a:lnTo>
                        <a:lnTo>
                          <a:pt x="1221" y="274"/>
                        </a:lnTo>
                        <a:lnTo>
                          <a:pt x="0" y="274"/>
                        </a:lnTo>
                        <a:lnTo>
                          <a:pt x="0" y="0"/>
                        </a:lnTo>
                        <a:lnTo>
                          <a:pt x="0" y="0"/>
                        </a:ln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85" name="Freeform 13">
                    <a:extLst>
                      <a:ext uri="{FF2B5EF4-FFF2-40B4-BE49-F238E27FC236}">
                        <a16:creationId xmlns:a16="http://schemas.microsoft.com/office/drawing/2014/main" id="{F4A7AF36-EADA-4C74-B7DE-F0814CB98D30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-7343644" y="6117931"/>
                    <a:ext cx="2397125" cy="396875"/>
                  </a:xfrm>
                  <a:custGeom>
                    <a:avLst/>
                    <a:gdLst>
                      <a:gd name="T0" fmla="*/ 0 w 1510"/>
                      <a:gd name="T1" fmla="*/ 0 h 250"/>
                      <a:gd name="T2" fmla="*/ 1510 w 1510"/>
                      <a:gd name="T3" fmla="*/ 0 h 250"/>
                      <a:gd name="T4" fmla="*/ 1510 w 1510"/>
                      <a:gd name="T5" fmla="*/ 250 h 250"/>
                      <a:gd name="T6" fmla="*/ 0 w 1510"/>
                      <a:gd name="T7" fmla="*/ 250 h 250"/>
                      <a:gd name="T8" fmla="*/ 0 w 1510"/>
                      <a:gd name="T9" fmla="*/ 0 h 250"/>
                      <a:gd name="T10" fmla="*/ 0 w 1510"/>
                      <a:gd name="T11" fmla="*/ 0 h 25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1510" h="250">
                        <a:moveTo>
                          <a:pt x="0" y="0"/>
                        </a:moveTo>
                        <a:lnTo>
                          <a:pt x="1510" y="0"/>
                        </a:lnTo>
                        <a:lnTo>
                          <a:pt x="1510" y="250"/>
                        </a:lnTo>
                        <a:lnTo>
                          <a:pt x="0" y="250"/>
                        </a:lnTo>
                        <a:lnTo>
                          <a:pt x="0" y="0"/>
                        </a:lnTo>
                        <a:lnTo>
                          <a:pt x="0" y="0"/>
                        </a:ln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86" name="Freeform 14">
                    <a:extLst>
                      <a:ext uri="{FF2B5EF4-FFF2-40B4-BE49-F238E27FC236}">
                        <a16:creationId xmlns:a16="http://schemas.microsoft.com/office/drawing/2014/main" id="{04AE209D-B973-45F9-B9C8-A1147918214C}"/>
                      </a:ext>
                    </a:extLst>
                  </p:cNvPr>
                  <p:cNvSpPr>
                    <a:spLocks/>
                  </p:cNvSpPr>
                  <p:nvPr/>
                </p:nvSpPr>
                <p:spPr bwMode="auto">
                  <a:xfrm>
                    <a:off x="-8372344" y="563268"/>
                    <a:ext cx="5500688" cy="6854825"/>
                  </a:xfrm>
                  <a:custGeom>
                    <a:avLst/>
                    <a:gdLst>
                      <a:gd name="T0" fmla="*/ 1628 w 1726"/>
                      <a:gd name="T1" fmla="*/ 1890 h 2156"/>
                      <a:gd name="T2" fmla="*/ 1628 w 1726"/>
                      <a:gd name="T3" fmla="*/ 1965 h 2156"/>
                      <a:gd name="T4" fmla="*/ 1535 w 1726"/>
                      <a:gd name="T5" fmla="*/ 2058 h 2156"/>
                      <a:gd name="T6" fmla="*/ 192 w 1726"/>
                      <a:gd name="T7" fmla="*/ 2058 h 2156"/>
                      <a:gd name="T8" fmla="*/ 98 w 1726"/>
                      <a:gd name="T9" fmla="*/ 1965 h 2156"/>
                      <a:gd name="T10" fmla="*/ 98 w 1726"/>
                      <a:gd name="T11" fmla="*/ 191 h 2156"/>
                      <a:gd name="T12" fmla="*/ 192 w 1726"/>
                      <a:gd name="T13" fmla="*/ 98 h 2156"/>
                      <a:gd name="T14" fmla="*/ 1535 w 1726"/>
                      <a:gd name="T15" fmla="*/ 98 h 2156"/>
                      <a:gd name="T16" fmla="*/ 1628 w 1726"/>
                      <a:gd name="T17" fmla="*/ 191 h 2156"/>
                      <a:gd name="T18" fmla="*/ 1628 w 1726"/>
                      <a:gd name="T19" fmla="*/ 729 h 2156"/>
                      <a:gd name="T20" fmla="*/ 1726 w 1726"/>
                      <a:gd name="T21" fmla="*/ 786 h 2156"/>
                      <a:gd name="T22" fmla="*/ 1726 w 1726"/>
                      <a:gd name="T23" fmla="*/ 191 h 2156"/>
                      <a:gd name="T24" fmla="*/ 1535 w 1726"/>
                      <a:gd name="T25" fmla="*/ 0 h 2156"/>
                      <a:gd name="T26" fmla="*/ 192 w 1726"/>
                      <a:gd name="T27" fmla="*/ 0 h 2156"/>
                      <a:gd name="T28" fmla="*/ 0 w 1726"/>
                      <a:gd name="T29" fmla="*/ 191 h 2156"/>
                      <a:gd name="T30" fmla="*/ 0 w 1726"/>
                      <a:gd name="T31" fmla="*/ 1965 h 2156"/>
                      <a:gd name="T32" fmla="*/ 192 w 1726"/>
                      <a:gd name="T33" fmla="*/ 2156 h 2156"/>
                      <a:gd name="T34" fmla="*/ 1535 w 1726"/>
                      <a:gd name="T35" fmla="*/ 2156 h 2156"/>
                      <a:gd name="T36" fmla="*/ 1726 w 1726"/>
                      <a:gd name="T37" fmla="*/ 1965 h 2156"/>
                      <a:gd name="T38" fmla="*/ 1726 w 1726"/>
                      <a:gd name="T39" fmla="*/ 1864 h 2156"/>
                      <a:gd name="T40" fmla="*/ 1710 w 1726"/>
                      <a:gd name="T41" fmla="*/ 1847 h 2156"/>
                      <a:gd name="T42" fmla="*/ 1628 w 1726"/>
                      <a:gd name="T43" fmla="*/ 1890 h 2156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  <a:cxn ang="0">
                        <a:pos x="T34" y="T35"/>
                      </a:cxn>
                      <a:cxn ang="0">
                        <a:pos x="T36" y="T37"/>
                      </a:cxn>
                      <a:cxn ang="0">
                        <a:pos x="T38" y="T39"/>
                      </a:cxn>
                      <a:cxn ang="0">
                        <a:pos x="T40" y="T41"/>
                      </a:cxn>
                      <a:cxn ang="0">
                        <a:pos x="T42" y="T43"/>
                      </a:cxn>
                    </a:cxnLst>
                    <a:rect l="0" t="0" r="r" b="b"/>
                    <a:pathLst>
                      <a:path w="1726" h="2156">
                        <a:moveTo>
                          <a:pt x="1628" y="1890"/>
                        </a:moveTo>
                        <a:cubicBezTo>
                          <a:pt x="1628" y="1965"/>
                          <a:pt x="1628" y="1965"/>
                          <a:pt x="1628" y="1965"/>
                        </a:cubicBezTo>
                        <a:cubicBezTo>
                          <a:pt x="1628" y="2016"/>
                          <a:pt x="1586" y="2058"/>
                          <a:pt x="1535" y="2058"/>
                        </a:cubicBezTo>
                        <a:cubicBezTo>
                          <a:pt x="192" y="2058"/>
                          <a:pt x="192" y="2058"/>
                          <a:pt x="192" y="2058"/>
                        </a:cubicBezTo>
                        <a:cubicBezTo>
                          <a:pt x="140" y="2058"/>
                          <a:pt x="98" y="2016"/>
                          <a:pt x="98" y="1965"/>
                        </a:cubicBezTo>
                        <a:cubicBezTo>
                          <a:pt x="98" y="191"/>
                          <a:pt x="98" y="191"/>
                          <a:pt x="98" y="191"/>
                        </a:cubicBezTo>
                        <a:cubicBezTo>
                          <a:pt x="98" y="140"/>
                          <a:pt x="140" y="98"/>
                          <a:pt x="192" y="98"/>
                        </a:cubicBezTo>
                        <a:cubicBezTo>
                          <a:pt x="1535" y="98"/>
                          <a:pt x="1535" y="98"/>
                          <a:pt x="1535" y="98"/>
                        </a:cubicBezTo>
                        <a:cubicBezTo>
                          <a:pt x="1586" y="98"/>
                          <a:pt x="1628" y="140"/>
                          <a:pt x="1628" y="191"/>
                        </a:cubicBezTo>
                        <a:cubicBezTo>
                          <a:pt x="1628" y="729"/>
                          <a:pt x="1628" y="729"/>
                          <a:pt x="1628" y="729"/>
                        </a:cubicBezTo>
                        <a:cubicBezTo>
                          <a:pt x="1663" y="743"/>
                          <a:pt x="1696" y="762"/>
                          <a:pt x="1726" y="786"/>
                        </a:cubicBezTo>
                        <a:cubicBezTo>
                          <a:pt x="1726" y="191"/>
                          <a:pt x="1726" y="191"/>
                          <a:pt x="1726" y="191"/>
                        </a:cubicBezTo>
                        <a:cubicBezTo>
                          <a:pt x="1726" y="86"/>
                          <a:pt x="1640" y="0"/>
                          <a:pt x="1535" y="0"/>
                        </a:cubicBezTo>
                        <a:cubicBezTo>
                          <a:pt x="192" y="0"/>
                          <a:pt x="192" y="0"/>
                          <a:pt x="192" y="0"/>
                        </a:cubicBezTo>
                        <a:cubicBezTo>
                          <a:pt x="86" y="0"/>
                          <a:pt x="0" y="86"/>
                          <a:pt x="0" y="191"/>
                        </a:cubicBezTo>
                        <a:cubicBezTo>
                          <a:pt x="0" y="1965"/>
                          <a:pt x="0" y="1965"/>
                          <a:pt x="0" y="1965"/>
                        </a:cubicBezTo>
                        <a:cubicBezTo>
                          <a:pt x="0" y="2070"/>
                          <a:pt x="86" y="2156"/>
                          <a:pt x="192" y="2156"/>
                        </a:cubicBezTo>
                        <a:cubicBezTo>
                          <a:pt x="1535" y="2156"/>
                          <a:pt x="1535" y="2156"/>
                          <a:pt x="1535" y="2156"/>
                        </a:cubicBezTo>
                        <a:cubicBezTo>
                          <a:pt x="1640" y="2156"/>
                          <a:pt x="1726" y="2070"/>
                          <a:pt x="1726" y="1965"/>
                        </a:cubicBezTo>
                        <a:cubicBezTo>
                          <a:pt x="1726" y="1864"/>
                          <a:pt x="1726" y="1864"/>
                          <a:pt x="1726" y="1864"/>
                        </a:cubicBezTo>
                        <a:cubicBezTo>
                          <a:pt x="1710" y="1847"/>
                          <a:pt x="1710" y="1847"/>
                          <a:pt x="1710" y="1847"/>
                        </a:cubicBezTo>
                        <a:cubicBezTo>
                          <a:pt x="1684" y="1865"/>
                          <a:pt x="1656" y="1879"/>
                          <a:pt x="1628" y="189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87" name="Freeform 15">
                    <a:extLst>
                      <a:ext uri="{FF2B5EF4-FFF2-40B4-BE49-F238E27FC236}">
                        <a16:creationId xmlns:a16="http://schemas.microsoft.com/office/drawing/2014/main" id="{0DA5A28D-BCF5-4F61-8E0C-734B31922C98}"/>
                      </a:ext>
                    </a:extLst>
                  </p:cNvPr>
                  <p:cNvSpPr>
                    <a:spLocks noEditPoints="1"/>
                  </p:cNvSpPr>
                  <p:nvPr/>
                </p:nvSpPr>
                <p:spPr bwMode="auto">
                  <a:xfrm>
                    <a:off x="-4968744" y="3390606"/>
                    <a:ext cx="3454400" cy="3582988"/>
                  </a:xfrm>
                  <a:custGeom>
                    <a:avLst/>
                    <a:gdLst>
                      <a:gd name="T0" fmla="*/ 725 w 1084"/>
                      <a:gd name="T1" fmla="*/ 670 h 1127"/>
                      <a:gd name="T2" fmla="*/ 701 w 1084"/>
                      <a:gd name="T3" fmla="*/ 144 h 1127"/>
                      <a:gd name="T4" fmla="*/ 666 w 1084"/>
                      <a:gd name="T5" fmla="*/ 111 h 1127"/>
                      <a:gd name="T6" fmla="*/ 658 w 1084"/>
                      <a:gd name="T7" fmla="*/ 105 h 1127"/>
                      <a:gd name="T8" fmla="*/ 560 w 1084"/>
                      <a:gd name="T9" fmla="*/ 48 h 1127"/>
                      <a:gd name="T10" fmla="*/ 495 w 1084"/>
                      <a:gd name="T11" fmla="*/ 28 h 1127"/>
                      <a:gd name="T12" fmla="*/ 132 w 1084"/>
                      <a:gd name="T13" fmla="*/ 129 h 1127"/>
                      <a:gd name="T14" fmla="*/ 59 w 1084"/>
                      <a:gd name="T15" fmla="*/ 222 h 1127"/>
                      <a:gd name="T16" fmla="*/ 28 w 1084"/>
                      <a:gd name="T17" fmla="*/ 291 h 1127"/>
                      <a:gd name="T18" fmla="*/ 12 w 1084"/>
                      <a:gd name="T19" fmla="*/ 360 h 1127"/>
                      <a:gd name="T20" fmla="*/ 42 w 1084"/>
                      <a:gd name="T21" fmla="*/ 585 h 1127"/>
                      <a:gd name="T22" fmla="*/ 81 w 1084"/>
                      <a:gd name="T23" fmla="*/ 654 h 1127"/>
                      <a:gd name="T24" fmla="*/ 117 w 1084"/>
                      <a:gd name="T25" fmla="*/ 698 h 1127"/>
                      <a:gd name="T26" fmla="*/ 142 w 1084"/>
                      <a:gd name="T27" fmla="*/ 722 h 1127"/>
                      <a:gd name="T28" fmla="*/ 495 w 1084"/>
                      <a:gd name="T29" fmla="*/ 814 h 1127"/>
                      <a:gd name="T30" fmla="*/ 560 w 1084"/>
                      <a:gd name="T31" fmla="*/ 793 h 1127"/>
                      <a:gd name="T32" fmla="*/ 642 w 1084"/>
                      <a:gd name="T33" fmla="*/ 749 h 1127"/>
                      <a:gd name="T34" fmla="*/ 658 w 1084"/>
                      <a:gd name="T35" fmla="*/ 766 h 1127"/>
                      <a:gd name="T36" fmla="*/ 666 w 1084"/>
                      <a:gd name="T37" fmla="*/ 775 h 1127"/>
                      <a:gd name="T38" fmla="*/ 1000 w 1084"/>
                      <a:gd name="T39" fmla="*/ 1127 h 1127"/>
                      <a:gd name="T40" fmla="*/ 1084 w 1084"/>
                      <a:gd name="T41" fmla="*/ 1048 h 1127"/>
                      <a:gd name="T42" fmla="*/ 725 w 1084"/>
                      <a:gd name="T43" fmla="*/ 670 h 1127"/>
                      <a:gd name="T44" fmla="*/ 658 w 1084"/>
                      <a:gd name="T45" fmla="*/ 631 h 1127"/>
                      <a:gd name="T46" fmla="*/ 634 w 1084"/>
                      <a:gd name="T47" fmla="*/ 657 h 1127"/>
                      <a:gd name="T48" fmla="*/ 560 w 1084"/>
                      <a:gd name="T49" fmla="*/ 710 h 1127"/>
                      <a:gd name="T50" fmla="*/ 495 w 1084"/>
                      <a:gd name="T51" fmla="*/ 736 h 1127"/>
                      <a:gd name="T52" fmla="*/ 285 w 1084"/>
                      <a:gd name="T53" fmla="*/ 722 h 1127"/>
                      <a:gd name="T54" fmla="*/ 181 w 1084"/>
                      <a:gd name="T55" fmla="*/ 654 h 1127"/>
                      <a:gd name="T56" fmla="*/ 173 w 1084"/>
                      <a:gd name="T57" fmla="*/ 645 h 1127"/>
                      <a:gd name="T58" fmla="*/ 128 w 1084"/>
                      <a:gd name="T59" fmla="*/ 585 h 1127"/>
                      <a:gd name="T60" fmla="*/ 89 w 1084"/>
                      <a:gd name="T61" fmla="*/ 360 h 1127"/>
                      <a:gd name="T62" fmla="*/ 110 w 1084"/>
                      <a:gd name="T63" fmla="*/ 291 h 1127"/>
                      <a:gd name="T64" fmla="*/ 151 w 1084"/>
                      <a:gd name="T65" fmla="*/ 222 h 1127"/>
                      <a:gd name="T66" fmla="*/ 185 w 1084"/>
                      <a:gd name="T67" fmla="*/ 184 h 1127"/>
                      <a:gd name="T68" fmla="*/ 495 w 1084"/>
                      <a:gd name="T69" fmla="*/ 107 h 1127"/>
                      <a:gd name="T70" fmla="*/ 560 w 1084"/>
                      <a:gd name="T71" fmla="*/ 132 h 1127"/>
                      <a:gd name="T72" fmla="*/ 646 w 1084"/>
                      <a:gd name="T73" fmla="*/ 196 h 1127"/>
                      <a:gd name="T74" fmla="*/ 658 w 1084"/>
                      <a:gd name="T75" fmla="*/ 211 h 1127"/>
                      <a:gd name="T76" fmla="*/ 666 w 1084"/>
                      <a:gd name="T77" fmla="*/ 220 h 1127"/>
                      <a:gd name="T78" fmla="*/ 666 w 1084"/>
                      <a:gd name="T79" fmla="*/ 621 h 1127"/>
                      <a:gd name="T80" fmla="*/ 658 w 1084"/>
                      <a:gd name="T81" fmla="*/ 631 h 1127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  <a:cxn ang="0">
                        <a:pos x="T34" y="T35"/>
                      </a:cxn>
                      <a:cxn ang="0">
                        <a:pos x="T36" y="T37"/>
                      </a:cxn>
                      <a:cxn ang="0">
                        <a:pos x="T38" y="T39"/>
                      </a:cxn>
                      <a:cxn ang="0">
                        <a:pos x="T40" y="T41"/>
                      </a:cxn>
                      <a:cxn ang="0">
                        <a:pos x="T42" y="T43"/>
                      </a:cxn>
                      <a:cxn ang="0">
                        <a:pos x="T44" y="T45"/>
                      </a:cxn>
                      <a:cxn ang="0">
                        <a:pos x="T46" y="T47"/>
                      </a:cxn>
                      <a:cxn ang="0">
                        <a:pos x="T48" y="T49"/>
                      </a:cxn>
                      <a:cxn ang="0">
                        <a:pos x="T50" y="T51"/>
                      </a:cxn>
                      <a:cxn ang="0">
                        <a:pos x="T52" y="T53"/>
                      </a:cxn>
                      <a:cxn ang="0">
                        <a:pos x="T54" y="T55"/>
                      </a:cxn>
                      <a:cxn ang="0">
                        <a:pos x="T56" y="T57"/>
                      </a:cxn>
                      <a:cxn ang="0">
                        <a:pos x="T58" y="T59"/>
                      </a:cxn>
                      <a:cxn ang="0">
                        <a:pos x="T60" y="T61"/>
                      </a:cxn>
                      <a:cxn ang="0">
                        <a:pos x="T62" y="T63"/>
                      </a:cxn>
                      <a:cxn ang="0">
                        <a:pos x="T64" y="T65"/>
                      </a:cxn>
                      <a:cxn ang="0">
                        <a:pos x="T66" y="T67"/>
                      </a:cxn>
                      <a:cxn ang="0">
                        <a:pos x="T68" y="T69"/>
                      </a:cxn>
                      <a:cxn ang="0">
                        <a:pos x="T70" y="T71"/>
                      </a:cxn>
                      <a:cxn ang="0">
                        <a:pos x="T72" y="T73"/>
                      </a:cxn>
                      <a:cxn ang="0">
                        <a:pos x="T74" y="T75"/>
                      </a:cxn>
                      <a:cxn ang="0">
                        <a:pos x="T76" y="T77"/>
                      </a:cxn>
                      <a:cxn ang="0">
                        <a:pos x="T78" y="T79"/>
                      </a:cxn>
                      <a:cxn ang="0">
                        <a:pos x="T80" y="T81"/>
                      </a:cxn>
                    </a:cxnLst>
                    <a:rect l="0" t="0" r="r" b="b"/>
                    <a:pathLst>
                      <a:path w="1084" h="1127">
                        <a:moveTo>
                          <a:pt x="725" y="670"/>
                        </a:moveTo>
                        <a:cubicBezTo>
                          <a:pt x="847" y="516"/>
                          <a:pt x="841" y="290"/>
                          <a:pt x="701" y="144"/>
                        </a:cubicBezTo>
                        <a:cubicBezTo>
                          <a:pt x="690" y="132"/>
                          <a:pt x="678" y="121"/>
                          <a:pt x="666" y="111"/>
                        </a:cubicBezTo>
                        <a:cubicBezTo>
                          <a:pt x="663" y="109"/>
                          <a:pt x="661" y="107"/>
                          <a:pt x="658" y="105"/>
                        </a:cubicBezTo>
                        <a:cubicBezTo>
                          <a:pt x="628" y="81"/>
                          <a:pt x="595" y="62"/>
                          <a:pt x="560" y="48"/>
                        </a:cubicBezTo>
                        <a:cubicBezTo>
                          <a:pt x="539" y="40"/>
                          <a:pt x="517" y="32"/>
                          <a:pt x="495" y="28"/>
                        </a:cubicBezTo>
                        <a:cubicBezTo>
                          <a:pt x="369" y="0"/>
                          <a:pt x="232" y="34"/>
                          <a:pt x="132" y="129"/>
                        </a:cubicBezTo>
                        <a:cubicBezTo>
                          <a:pt x="102" y="157"/>
                          <a:pt x="78" y="189"/>
                          <a:pt x="59" y="222"/>
                        </a:cubicBezTo>
                        <a:cubicBezTo>
                          <a:pt x="46" y="244"/>
                          <a:pt x="36" y="268"/>
                          <a:pt x="28" y="291"/>
                        </a:cubicBezTo>
                        <a:cubicBezTo>
                          <a:pt x="21" y="314"/>
                          <a:pt x="15" y="337"/>
                          <a:pt x="12" y="360"/>
                        </a:cubicBezTo>
                        <a:cubicBezTo>
                          <a:pt x="0" y="436"/>
                          <a:pt x="10" y="514"/>
                          <a:pt x="42" y="585"/>
                        </a:cubicBezTo>
                        <a:cubicBezTo>
                          <a:pt x="52" y="609"/>
                          <a:pt x="65" y="632"/>
                          <a:pt x="81" y="654"/>
                        </a:cubicBezTo>
                        <a:cubicBezTo>
                          <a:pt x="92" y="669"/>
                          <a:pt x="104" y="684"/>
                          <a:pt x="117" y="698"/>
                        </a:cubicBezTo>
                        <a:cubicBezTo>
                          <a:pt x="125" y="707"/>
                          <a:pt x="134" y="715"/>
                          <a:pt x="142" y="722"/>
                        </a:cubicBezTo>
                        <a:cubicBezTo>
                          <a:pt x="241" y="810"/>
                          <a:pt x="372" y="840"/>
                          <a:pt x="495" y="814"/>
                        </a:cubicBezTo>
                        <a:cubicBezTo>
                          <a:pt x="517" y="809"/>
                          <a:pt x="539" y="802"/>
                          <a:pt x="560" y="793"/>
                        </a:cubicBezTo>
                        <a:cubicBezTo>
                          <a:pt x="588" y="782"/>
                          <a:pt x="616" y="768"/>
                          <a:pt x="642" y="749"/>
                        </a:cubicBezTo>
                        <a:cubicBezTo>
                          <a:pt x="658" y="766"/>
                          <a:pt x="658" y="766"/>
                          <a:pt x="658" y="766"/>
                        </a:cubicBezTo>
                        <a:cubicBezTo>
                          <a:pt x="666" y="775"/>
                          <a:pt x="666" y="775"/>
                          <a:pt x="666" y="775"/>
                        </a:cubicBezTo>
                        <a:cubicBezTo>
                          <a:pt x="1000" y="1127"/>
                          <a:pt x="1000" y="1127"/>
                          <a:pt x="1000" y="1127"/>
                        </a:cubicBezTo>
                        <a:cubicBezTo>
                          <a:pt x="1084" y="1048"/>
                          <a:pt x="1084" y="1048"/>
                          <a:pt x="1084" y="1048"/>
                        </a:cubicBezTo>
                        <a:cubicBezTo>
                          <a:pt x="725" y="670"/>
                          <a:pt x="725" y="670"/>
                          <a:pt x="725" y="670"/>
                        </a:cubicBezTo>
                        <a:close/>
                        <a:moveTo>
                          <a:pt x="658" y="631"/>
                        </a:moveTo>
                        <a:cubicBezTo>
                          <a:pt x="650" y="640"/>
                          <a:pt x="643" y="649"/>
                          <a:pt x="634" y="657"/>
                        </a:cubicBezTo>
                        <a:cubicBezTo>
                          <a:pt x="611" y="679"/>
                          <a:pt x="586" y="696"/>
                          <a:pt x="560" y="710"/>
                        </a:cubicBezTo>
                        <a:cubicBezTo>
                          <a:pt x="539" y="721"/>
                          <a:pt x="517" y="730"/>
                          <a:pt x="495" y="736"/>
                        </a:cubicBezTo>
                        <a:cubicBezTo>
                          <a:pt x="426" y="754"/>
                          <a:pt x="352" y="750"/>
                          <a:pt x="285" y="722"/>
                        </a:cubicBezTo>
                        <a:cubicBezTo>
                          <a:pt x="247" y="707"/>
                          <a:pt x="212" y="684"/>
                          <a:pt x="181" y="654"/>
                        </a:cubicBezTo>
                        <a:cubicBezTo>
                          <a:pt x="178" y="651"/>
                          <a:pt x="175" y="648"/>
                          <a:pt x="173" y="645"/>
                        </a:cubicBezTo>
                        <a:cubicBezTo>
                          <a:pt x="155" y="627"/>
                          <a:pt x="140" y="606"/>
                          <a:pt x="128" y="585"/>
                        </a:cubicBezTo>
                        <a:cubicBezTo>
                          <a:pt x="88" y="516"/>
                          <a:pt x="75" y="436"/>
                          <a:pt x="89" y="360"/>
                        </a:cubicBezTo>
                        <a:cubicBezTo>
                          <a:pt x="94" y="336"/>
                          <a:pt x="101" y="313"/>
                          <a:pt x="110" y="291"/>
                        </a:cubicBezTo>
                        <a:cubicBezTo>
                          <a:pt x="121" y="267"/>
                          <a:pt x="134" y="244"/>
                          <a:pt x="151" y="222"/>
                        </a:cubicBezTo>
                        <a:cubicBezTo>
                          <a:pt x="161" y="209"/>
                          <a:pt x="172" y="196"/>
                          <a:pt x="185" y="184"/>
                        </a:cubicBezTo>
                        <a:cubicBezTo>
                          <a:pt x="270" y="103"/>
                          <a:pt x="388" y="78"/>
                          <a:pt x="495" y="107"/>
                        </a:cubicBezTo>
                        <a:cubicBezTo>
                          <a:pt x="517" y="113"/>
                          <a:pt x="539" y="121"/>
                          <a:pt x="560" y="132"/>
                        </a:cubicBezTo>
                        <a:cubicBezTo>
                          <a:pt x="591" y="148"/>
                          <a:pt x="620" y="170"/>
                          <a:pt x="646" y="196"/>
                        </a:cubicBezTo>
                        <a:cubicBezTo>
                          <a:pt x="650" y="201"/>
                          <a:pt x="654" y="206"/>
                          <a:pt x="658" y="211"/>
                        </a:cubicBezTo>
                        <a:cubicBezTo>
                          <a:pt x="661" y="214"/>
                          <a:pt x="663" y="217"/>
                          <a:pt x="666" y="220"/>
                        </a:cubicBezTo>
                        <a:cubicBezTo>
                          <a:pt x="758" y="338"/>
                          <a:pt x="757" y="504"/>
                          <a:pt x="666" y="621"/>
                        </a:cubicBezTo>
                        <a:cubicBezTo>
                          <a:pt x="663" y="625"/>
                          <a:pt x="661" y="628"/>
                          <a:pt x="658" y="631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</p:grpSp>
            <p:grpSp>
              <p:nvGrpSpPr>
                <p:cNvPr id="75" name="Group 74">
                  <a:extLst>
                    <a:ext uri="{FF2B5EF4-FFF2-40B4-BE49-F238E27FC236}">
                      <a16:creationId xmlns:a16="http://schemas.microsoft.com/office/drawing/2014/main" id="{B2D6717A-E0CB-4D2F-9539-708A36FD04D4}"/>
                    </a:ext>
                  </a:extLst>
                </p:cNvPr>
                <p:cNvGrpSpPr/>
                <p:nvPr/>
              </p:nvGrpSpPr>
              <p:grpSpPr>
                <a:xfrm>
                  <a:off x="7412809" y="3298536"/>
                  <a:ext cx="403942" cy="402914"/>
                  <a:chOff x="2942357" y="3767485"/>
                  <a:chExt cx="2492376" cy="2486025"/>
                </a:xfrm>
                <a:solidFill>
                  <a:srgbClr val="FFFFFF"/>
                </a:solidFill>
              </p:grpSpPr>
              <p:sp>
                <p:nvSpPr>
                  <p:cNvPr id="77" name="Freeform 5">
                    <a:extLst>
                      <a:ext uri="{FF2B5EF4-FFF2-40B4-BE49-F238E27FC236}">
                        <a16:creationId xmlns:a16="http://schemas.microsoft.com/office/drawing/2014/main" id="{F2D195DA-18BF-4150-97CA-29DD3F3C2C53}"/>
                      </a:ext>
                    </a:extLst>
                  </p:cNvPr>
                  <p:cNvSpPr>
                    <a:spLocks noEditPoints="1"/>
                  </p:cNvSpPr>
                  <p:nvPr/>
                </p:nvSpPr>
                <p:spPr bwMode="auto">
                  <a:xfrm>
                    <a:off x="2942357" y="3767485"/>
                    <a:ext cx="889000" cy="881063"/>
                  </a:xfrm>
                  <a:custGeom>
                    <a:avLst/>
                    <a:gdLst>
                      <a:gd name="T0" fmla="*/ 24 w 246"/>
                      <a:gd name="T1" fmla="*/ 208 h 244"/>
                      <a:gd name="T2" fmla="*/ 48 w 246"/>
                      <a:gd name="T3" fmla="*/ 184 h 244"/>
                      <a:gd name="T4" fmla="*/ 48 w 246"/>
                      <a:gd name="T5" fmla="*/ 82 h 244"/>
                      <a:gd name="T6" fmla="*/ 203 w 246"/>
                      <a:gd name="T7" fmla="*/ 236 h 244"/>
                      <a:gd name="T8" fmla="*/ 220 w 246"/>
                      <a:gd name="T9" fmla="*/ 244 h 244"/>
                      <a:gd name="T10" fmla="*/ 237 w 246"/>
                      <a:gd name="T11" fmla="*/ 236 h 244"/>
                      <a:gd name="T12" fmla="*/ 237 w 246"/>
                      <a:gd name="T13" fmla="*/ 203 h 244"/>
                      <a:gd name="T14" fmla="*/ 82 w 246"/>
                      <a:gd name="T15" fmla="*/ 48 h 244"/>
                      <a:gd name="T16" fmla="*/ 184 w 246"/>
                      <a:gd name="T17" fmla="*/ 48 h 244"/>
                      <a:gd name="T18" fmla="*/ 208 w 246"/>
                      <a:gd name="T19" fmla="*/ 24 h 244"/>
                      <a:gd name="T20" fmla="*/ 184 w 246"/>
                      <a:gd name="T21" fmla="*/ 0 h 244"/>
                      <a:gd name="T22" fmla="*/ 24 w 246"/>
                      <a:gd name="T23" fmla="*/ 0 h 244"/>
                      <a:gd name="T24" fmla="*/ 0 w 246"/>
                      <a:gd name="T25" fmla="*/ 24 h 244"/>
                      <a:gd name="T26" fmla="*/ 0 w 246"/>
                      <a:gd name="T27" fmla="*/ 184 h 244"/>
                      <a:gd name="T28" fmla="*/ 24 w 246"/>
                      <a:gd name="T29" fmla="*/ 208 h 244"/>
                      <a:gd name="T30" fmla="*/ 24 w 246"/>
                      <a:gd name="T31" fmla="*/ 208 h 244"/>
                      <a:gd name="T32" fmla="*/ 24 w 246"/>
                      <a:gd name="T33" fmla="*/ 208 h 244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</a:cxnLst>
                    <a:rect l="0" t="0" r="r" b="b"/>
                    <a:pathLst>
                      <a:path w="246" h="244">
                        <a:moveTo>
                          <a:pt x="24" y="208"/>
                        </a:moveTo>
                        <a:cubicBezTo>
                          <a:pt x="37" y="208"/>
                          <a:pt x="48" y="198"/>
                          <a:pt x="48" y="184"/>
                        </a:cubicBezTo>
                        <a:cubicBezTo>
                          <a:pt x="48" y="82"/>
                          <a:pt x="48" y="82"/>
                          <a:pt x="48" y="82"/>
                        </a:cubicBezTo>
                        <a:cubicBezTo>
                          <a:pt x="203" y="236"/>
                          <a:pt x="203" y="236"/>
                          <a:pt x="203" y="236"/>
                        </a:cubicBezTo>
                        <a:cubicBezTo>
                          <a:pt x="207" y="241"/>
                          <a:pt x="213" y="244"/>
                          <a:pt x="220" y="244"/>
                        </a:cubicBezTo>
                        <a:cubicBezTo>
                          <a:pt x="226" y="244"/>
                          <a:pt x="232" y="241"/>
                          <a:pt x="237" y="236"/>
                        </a:cubicBezTo>
                        <a:cubicBezTo>
                          <a:pt x="246" y="227"/>
                          <a:pt x="246" y="212"/>
                          <a:pt x="237" y="203"/>
                        </a:cubicBezTo>
                        <a:cubicBezTo>
                          <a:pt x="82" y="48"/>
                          <a:pt x="82" y="48"/>
                          <a:pt x="82" y="48"/>
                        </a:cubicBezTo>
                        <a:cubicBezTo>
                          <a:pt x="184" y="48"/>
                          <a:pt x="184" y="48"/>
                          <a:pt x="184" y="48"/>
                        </a:cubicBezTo>
                        <a:cubicBezTo>
                          <a:pt x="198" y="48"/>
                          <a:pt x="208" y="37"/>
                          <a:pt x="208" y="24"/>
                        </a:cubicBezTo>
                        <a:cubicBezTo>
                          <a:pt x="208" y="11"/>
                          <a:pt x="198" y="0"/>
                          <a:pt x="184" y="0"/>
                        </a:cubicBezTo>
                        <a:cubicBezTo>
                          <a:pt x="24" y="0"/>
                          <a:pt x="24" y="0"/>
                          <a:pt x="24" y="0"/>
                        </a:cubicBezTo>
                        <a:cubicBezTo>
                          <a:pt x="11" y="0"/>
                          <a:pt x="0" y="11"/>
                          <a:pt x="0" y="24"/>
                        </a:cubicBezTo>
                        <a:cubicBezTo>
                          <a:pt x="0" y="184"/>
                          <a:pt x="0" y="184"/>
                          <a:pt x="0" y="184"/>
                        </a:cubicBezTo>
                        <a:cubicBezTo>
                          <a:pt x="0" y="198"/>
                          <a:pt x="11" y="208"/>
                          <a:pt x="24" y="208"/>
                        </a:cubicBezTo>
                        <a:close/>
                        <a:moveTo>
                          <a:pt x="24" y="208"/>
                        </a:moveTo>
                        <a:cubicBezTo>
                          <a:pt x="24" y="208"/>
                          <a:pt x="24" y="208"/>
                          <a:pt x="24" y="208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78" name="Freeform 6">
                    <a:extLst>
                      <a:ext uri="{FF2B5EF4-FFF2-40B4-BE49-F238E27FC236}">
                        <a16:creationId xmlns:a16="http://schemas.microsoft.com/office/drawing/2014/main" id="{17CF8C03-956C-4906-841C-91A6E780035A}"/>
                      </a:ext>
                    </a:extLst>
                  </p:cNvPr>
                  <p:cNvSpPr>
                    <a:spLocks noEditPoints="1"/>
                  </p:cNvSpPr>
                  <p:nvPr/>
                </p:nvSpPr>
                <p:spPr bwMode="auto">
                  <a:xfrm>
                    <a:off x="4526682" y="5348635"/>
                    <a:ext cx="908050" cy="904875"/>
                  </a:xfrm>
                  <a:custGeom>
                    <a:avLst/>
                    <a:gdLst>
                      <a:gd name="T0" fmla="*/ 227 w 251"/>
                      <a:gd name="T1" fmla="*/ 43 h 251"/>
                      <a:gd name="T2" fmla="*/ 203 w 251"/>
                      <a:gd name="T3" fmla="*/ 67 h 251"/>
                      <a:gd name="T4" fmla="*/ 203 w 251"/>
                      <a:gd name="T5" fmla="*/ 169 h 251"/>
                      <a:gd name="T6" fmla="*/ 44 w 251"/>
                      <a:gd name="T7" fmla="*/ 10 h 251"/>
                      <a:gd name="T8" fmla="*/ 10 w 251"/>
                      <a:gd name="T9" fmla="*/ 10 h 251"/>
                      <a:gd name="T10" fmla="*/ 10 w 251"/>
                      <a:gd name="T11" fmla="*/ 44 h 251"/>
                      <a:gd name="T12" fmla="*/ 169 w 251"/>
                      <a:gd name="T13" fmla="*/ 203 h 251"/>
                      <a:gd name="T14" fmla="*/ 67 w 251"/>
                      <a:gd name="T15" fmla="*/ 203 h 251"/>
                      <a:gd name="T16" fmla="*/ 43 w 251"/>
                      <a:gd name="T17" fmla="*/ 227 h 251"/>
                      <a:gd name="T18" fmla="*/ 67 w 251"/>
                      <a:gd name="T19" fmla="*/ 251 h 251"/>
                      <a:gd name="T20" fmla="*/ 227 w 251"/>
                      <a:gd name="T21" fmla="*/ 251 h 251"/>
                      <a:gd name="T22" fmla="*/ 251 w 251"/>
                      <a:gd name="T23" fmla="*/ 227 h 251"/>
                      <a:gd name="T24" fmla="*/ 251 w 251"/>
                      <a:gd name="T25" fmla="*/ 67 h 251"/>
                      <a:gd name="T26" fmla="*/ 227 w 251"/>
                      <a:gd name="T27" fmla="*/ 43 h 251"/>
                      <a:gd name="T28" fmla="*/ 227 w 251"/>
                      <a:gd name="T29" fmla="*/ 43 h 251"/>
                      <a:gd name="T30" fmla="*/ 227 w 251"/>
                      <a:gd name="T31" fmla="*/ 43 h 251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</a:cxnLst>
                    <a:rect l="0" t="0" r="r" b="b"/>
                    <a:pathLst>
                      <a:path w="251" h="251">
                        <a:moveTo>
                          <a:pt x="227" y="43"/>
                        </a:moveTo>
                        <a:cubicBezTo>
                          <a:pt x="214" y="43"/>
                          <a:pt x="203" y="54"/>
                          <a:pt x="203" y="67"/>
                        </a:cubicBezTo>
                        <a:cubicBezTo>
                          <a:pt x="203" y="169"/>
                          <a:pt x="203" y="169"/>
                          <a:pt x="203" y="169"/>
                        </a:cubicBezTo>
                        <a:cubicBezTo>
                          <a:pt x="44" y="10"/>
                          <a:pt x="44" y="10"/>
                          <a:pt x="44" y="10"/>
                        </a:cubicBezTo>
                        <a:cubicBezTo>
                          <a:pt x="34" y="0"/>
                          <a:pt x="19" y="0"/>
                          <a:pt x="10" y="10"/>
                        </a:cubicBezTo>
                        <a:cubicBezTo>
                          <a:pt x="0" y="19"/>
                          <a:pt x="0" y="34"/>
                          <a:pt x="10" y="44"/>
                        </a:cubicBezTo>
                        <a:cubicBezTo>
                          <a:pt x="169" y="203"/>
                          <a:pt x="169" y="203"/>
                          <a:pt x="169" y="203"/>
                        </a:cubicBezTo>
                        <a:cubicBezTo>
                          <a:pt x="67" y="203"/>
                          <a:pt x="67" y="203"/>
                          <a:pt x="67" y="203"/>
                        </a:cubicBezTo>
                        <a:cubicBezTo>
                          <a:pt x="54" y="203"/>
                          <a:pt x="43" y="214"/>
                          <a:pt x="43" y="227"/>
                        </a:cubicBezTo>
                        <a:cubicBezTo>
                          <a:pt x="43" y="240"/>
                          <a:pt x="54" y="251"/>
                          <a:pt x="67" y="251"/>
                        </a:cubicBezTo>
                        <a:cubicBezTo>
                          <a:pt x="227" y="251"/>
                          <a:pt x="227" y="251"/>
                          <a:pt x="227" y="251"/>
                        </a:cubicBezTo>
                        <a:cubicBezTo>
                          <a:pt x="240" y="251"/>
                          <a:pt x="251" y="240"/>
                          <a:pt x="251" y="227"/>
                        </a:cubicBezTo>
                        <a:cubicBezTo>
                          <a:pt x="251" y="67"/>
                          <a:pt x="251" y="67"/>
                          <a:pt x="251" y="67"/>
                        </a:cubicBezTo>
                        <a:cubicBezTo>
                          <a:pt x="251" y="54"/>
                          <a:pt x="240" y="43"/>
                          <a:pt x="227" y="43"/>
                        </a:cubicBezTo>
                        <a:close/>
                        <a:moveTo>
                          <a:pt x="227" y="43"/>
                        </a:moveTo>
                        <a:cubicBezTo>
                          <a:pt x="227" y="43"/>
                          <a:pt x="227" y="43"/>
                          <a:pt x="227" y="43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79" name="Freeform 7">
                    <a:extLst>
                      <a:ext uri="{FF2B5EF4-FFF2-40B4-BE49-F238E27FC236}">
                        <a16:creationId xmlns:a16="http://schemas.microsoft.com/office/drawing/2014/main" id="{06766D56-9BDB-4831-A889-31B1DB1B745D}"/>
                      </a:ext>
                    </a:extLst>
                  </p:cNvPr>
                  <p:cNvSpPr>
                    <a:spLocks noEditPoints="1"/>
                  </p:cNvSpPr>
                  <p:nvPr/>
                </p:nvSpPr>
                <p:spPr bwMode="auto">
                  <a:xfrm>
                    <a:off x="2942357" y="5348635"/>
                    <a:ext cx="908050" cy="904875"/>
                  </a:xfrm>
                  <a:custGeom>
                    <a:avLst/>
                    <a:gdLst>
                      <a:gd name="T0" fmla="*/ 207 w 251"/>
                      <a:gd name="T1" fmla="*/ 10 h 251"/>
                      <a:gd name="T2" fmla="*/ 48 w 251"/>
                      <a:gd name="T3" fmla="*/ 169 h 251"/>
                      <a:gd name="T4" fmla="*/ 48 w 251"/>
                      <a:gd name="T5" fmla="*/ 67 h 251"/>
                      <a:gd name="T6" fmla="*/ 24 w 251"/>
                      <a:gd name="T7" fmla="*/ 43 h 251"/>
                      <a:gd name="T8" fmla="*/ 0 w 251"/>
                      <a:gd name="T9" fmla="*/ 67 h 251"/>
                      <a:gd name="T10" fmla="*/ 0 w 251"/>
                      <a:gd name="T11" fmla="*/ 227 h 251"/>
                      <a:gd name="T12" fmla="*/ 24 w 251"/>
                      <a:gd name="T13" fmla="*/ 251 h 251"/>
                      <a:gd name="T14" fmla="*/ 184 w 251"/>
                      <a:gd name="T15" fmla="*/ 251 h 251"/>
                      <a:gd name="T16" fmla="*/ 208 w 251"/>
                      <a:gd name="T17" fmla="*/ 227 h 251"/>
                      <a:gd name="T18" fmla="*/ 184 w 251"/>
                      <a:gd name="T19" fmla="*/ 203 h 251"/>
                      <a:gd name="T20" fmla="*/ 82 w 251"/>
                      <a:gd name="T21" fmla="*/ 203 h 251"/>
                      <a:gd name="T22" fmla="*/ 241 w 251"/>
                      <a:gd name="T23" fmla="*/ 44 h 251"/>
                      <a:gd name="T24" fmla="*/ 241 w 251"/>
                      <a:gd name="T25" fmla="*/ 10 h 251"/>
                      <a:gd name="T26" fmla="*/ 207 w 251"/>
                      <a:gd name="T27" fmla="*/ 10 h 251"/>
                      <a:gd name="T28" fmla="*/ 207 w 251"/>
                      <a:gd name="T29" fmla="*/ 10 h 251"/>
                      <a:gd name="T30" fmla="*/ 207 w 251"/>
                      <a:gd name="T31" fmla="*/ 10 h 251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</a:cxnLst>
                    <a:rect l="0" t="0" r="r" b="b"/>
                    <a:pathLst>
                      <a:path w="251" h="251">
                        <a:moveTo>
                          <a:pt x="207" y="10"/>
                        </a:moveTo>
                        <a:cubicBezTo>
                          <a:pt x="48" y="169"/>
                          <a:pt x="48" y="169"/>
                          <a:pt x="48" y="169"/>
                        </a:cubicBezTo>
                        <a:cubicBezTo>
                          <a:pt x="48" y="67"/>
                          <a:pt x="48" y="67"/>
                          <a:pt x="48" y="67"/>
                        </a:cubicBezTo>
                        <a:cubicBezTo>
                          <a:pt x="48" y="54"/>
                          <a:pt x="37" y="43"/>
                          <a:pt x="24" y="43"/>
                        </a:cubicBezTo>
                        <a:cubicBezTo>
                          <a:pt x="11" y="43"/>
                          <a:pt x="0" y="54"/>
                          <a:pt x="0" y="67"/>
                        </a:cubicBezTo>
                        <a:cubicBezTo>
                          <a:pt x="0" y="227"/>
                          <a:pt x="0" y="227"/>
                          <a:pt x="0" y="227"/>
                        </a:cubicBezTo>
                        <a:cubicBezTo>
                          <a:pt x="0" y="240"/>
                          <a:pt x="11" y="251"/>
                          <a:pt x="24" y="251"/>
                        </a:cubicBezTo>
                        <a:cubicBezTo>
                          <a:pt x="184" y="251"/>
                          <a:pt x="184" y="251"/>
                          <a:pt x="184" y="251"/>
                        </a:cubicBezTo>
                        <a:cubicBezTo>
                          <a:pt x="198" y="251"/>
                          <a:pt x="208" y="240"/>
                          <a:pt x="208" y="227"/>
                        </a:cubicBezTo>
                        <a:cubicBezTo>
                          <a:pt x="208" y="214"/>
                          <a:pt x="198" y="203"/>
                          <a:pt x="184" y="203"/>
                        </a:cubicBezTo>
                        <a:cubicBezTo>
                          <a:pt x="82" y="203"/>
                          <a:pt x="82" y="203"/>
                          <a:pt x="82" y="203"/>
                        </a:cubicBezTo>
                        <a:cubicBezTo>
                          <a:pt x="241" y="44"/>
                          <a:pt x="241" y="44"/>
                          <a:pt x="241" y="44"/>
                        </a:cubicBezTo>
                        <a:cubicBezTo>
                          <a:pt x="251" y="34"/>
                          <a:pt x="251" y="19"/>
                          <a:pt x="241" y="10"/>
                        </a:cubicBezTo>
                        <a:cubicBezTo>
                          <a:pt x="232" y="0"/>
                          <a:pt x="217" y="0"/>
                          <a:pt x="207" y="10"/>
                        </a:cubicBezTo>
                        <a:close/>
                        <a:moveTo>
                          <a:pt x="207" y="10"/>
                        </a:moveTo>
                        <a:cubicBezTo>
                          <a:pt x="207" y="10"/>
                          <a:pt x="207" y="10"/>
                          <a:pt x="207" y="1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  <p:sp>
                <p:nvSpPr>
                  <p:cNvPr id="80" name="Freeform 8">
                    <a:extLst>
                      <a:ext uri="{FF2B5EF4-FFF2-40B4-BE49-F238E27FC236}">
                        <a16:creationId xmlns:a16="http://schemas.microsoft.com/office/drawing/2014/main" id="{CFA91345-DE0E-46CF-9E81-DDBA86AF8429}"/>
                      </a:ext>
                    </a:extLst>
                  </p:cNvPr>
                  <p:cNvSpPr>
                    <a:spLocks noEditPoints="1"/>
                  </p:cNvSpPr>
                  <p:nvPr/>
                </p:nvSpPr>
                <p:spPr bwMode="auto">
                  <a:xfrm>
                    <a:off x="4544145" y="3767485"/>
                    <a:ext cx="890588" cy="881063"/>
                  </a:xfrm>
                  <a:custGeom>
                    <a:avLst/>
                    <a:gdLst>
                      <a:gd name="T0" fmla="*/ 222 w 246"/>
                      <a:gd name="T1" fmla="*/ 0 h 244"/>
                      <a:gd name="T2" fmla="*/ 62 w 246"/>
                      <a:gd name="T3" fmla="*/ 0 h 244"/>
                      <a:gd name="T4" fmla="*/ 38 w 246"/>
                      <a:gd name="T5" fmla="*/ 24 h 244"/>
                      <a:gd name="T6" fmla="*/ 62 w 246"/>
                      <a:gd name="T7" fmla="*/ 48 h 244"/>
                      <a:gd name="T8" fmla="*/ 164 w 246"/>
                      <a:gd name="T9" fmla="*/ 48 h 244"/>
                      <a:gd name="T10" fmla="*/ 10 w 246"/>
                      <a:gd name="T11" fmla="*/ 203 h 244"/>
                      <a:gd name="T12" fmla="*/ 10 w 246"/>
                      <a:gd name="T13" fmla="*/ 236 h 244"/>
                      <a:gd name="T14" fmla="*/ 27 w 246"/>
                      <a:gd name="T15" fmla="*/ 244 h 244"/>
                      <a:gd name="T16" fmla="*/ 44 w 246"/>
                      <a:gd name="T17" fmla="*/ 236 h 244"/>
                      <a:gd name="T18" fmla="*/ 198 w 246"/>
                      <a:gd name="T19" fmla="*/ 82 h 244"/>
                      <a:gd name="T20" fmla="*/ 198 w 246"/>
                      <a:gd name="T21" fmla="*/ 184 h 244"/>
                      <a:gd name="T22" fmla="*/ 222 w 246"/>
                      <a:gd name="T23" fmla="*/ 208 h 244"/>
                      <a:gd name="T24" fmla="*/ 246 w 246"/>
                      <a:gd name="T25" fmla="*/ 184 h 244"/>
                      <a:gd name="T26" fmla="*/ 246 w 246"/>
                      <a:gd name="T27" fmla="*/ 24 h 244"/>
                      <a:gd name="T28" fmla="*/ 222 w 246"/>
                      <a:gd name="T29" fmla="*/ 0 h 244"/>
                      <a:gd name="T30" fmla="*/ 222 w 246"/>
                      <a:gd name="T31" fmla="*/ 0 h 244"/>
                      <a:gd name="T32" fmla="*/ 222 w 246"/>
                      <a:gd name="T33" fmla="*/ 0 h 244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</a:cxnLst>
                    <a:rect l="0" t="0" r="r" b="b"/>
                    <a:pathLst>
                      <a:path w="246" h="244">
                        <a:moveTo>
                          <a:pt x="222" y="0"/>
                        </a:moveTo>
                        <a:cubicBezTo>
                          <a:pt x="62" y="0"/>
                          <a:pt x="62" y="0"/>
                          <a:pt x="62" y="0"/>
                        </a:cubicBezTo>
                        <a:cubicBezTo>
                          <a:pt x="49" y="0"/>
                          <a:pt x="38" y="11"/>
                          <a:pt x="38" y="24"/>
                        </a:cubicBezTo>
                        <a:cubicBezTo>
                          <a:pt x="38" y="37"/>
                          <a:pt x="49" y="48"/>
                          <a:pt x="62" y="48"/>
                        </a:cubicBezTo>
                        <a:cubicBezTo>
                          <a:pt x="164" y="48"/>
                          <a:pt x="164" y="48"/>
                          <a:pt x="164" y="48"/>
                        </a:cubicBezTo>
                        <a:cubicBezTo>
                          <a:pt x="10" y="203"/>
                          <a:pt x="10" y="203"/>
                          <a:pt x="10" y="203"/>
                        </a:cubicBezTo>
                        <a:cubicBezTo>
                          <a:pt x="0" y="212"/>
                          <a:pt x="0" y="227"/>
                          <a:pt x="10" y="236"/>
                        </a:cubicBezTo>
                        <a:cubicBezTo>
                          <a:pt x="14" y="241"/>
                          <a:pt x="20" y="244"/>
                          <a:pt x="27" y="244"/>
                        </a:cubicBezTo>
                        <a:cubicBezTo>
                          <a:pt x="33" y="244"/>
                          <a:pt x="39" y="241"/>
                          <a:pt x="44" y="236"/>
                        </a:cubicBezTo>
                        <a:cubicBezTo>
                          <a:pt x="198" y="82"/>
                          <a:pt x="198" y="82"/>
                          <a:pt x="198" y="82"/>
                        </a:cubicBezTo>
                        <a:cubicBezTo>
                          <a:pt x="198" y="184"/>
                          <a:pt x="198" y="184"/>
                          <a:pt x="198" y="184"/>
                        </a:cubicBezTo>
                        <a:cubicBezTo>
                          <a:pt x="198" y="198"/>
                          <a:pt x="209" y="208"/>
                          <a:pt x="222" y="208"/>
                        </a:cubicBezTo>
                        <a:cubicBezTo>
                          <a:pt x="235" y="208"/>
                          <a:pt x="246" y="198"/>
                          <a:pt x="246" y="184"/>
                        </a:cubicBezTo>
                        <a:cubicBezTo>
                          <a:pt x="246" y="24"/>
                          <a:pt x="246" y="24"/>
                          <a:pt x="246" y="24"/>
                        </a:cubicBezTo>
                        <a:cubicBezTo>
                          <a:pt x="246" y="11"/>
                          <a:pt x="235" y="0"/>
                          <a:pt x="222" y="0"/>
                        </a:cubicBezTo>
                        <a:close/>
                        <a:moveTo>
                          <a:pt x="222" y="0"/>
                        </a:moveTo>
                        <a:cubicBezTo>
                          <a:pt x="222" y="0"/>
                          <a:pt x="222" y="0"/>
                          <a:pt x="222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68580" tIns="34290" rIns="68580" bIns="34290" numCol="1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>
                      <a:defRPr/>
                    </a:pPr>
                    <a:endParaRPr lang="en-IN" sz="1350" kern="0">
                      <a:solidFill>
                        <a:prstClr val="black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endParaRPr>
                  </a:p>
                </p:txBody>
              </p:sp>
            </p:grpSp>
            <p:sp>
              <p:nvSpPr>
                <p:cNvPr id="76" name="Freeform 5">
                  <a:extLst>
                    <a:ext uri="{FF2B5EF4-FFF2-40B4-BE49-F238E27FC236}">
                      <a16:creationId xmlns:a16="http://schemas.microsoft.com/office/drawing/2014/main" id="{AAE236C2-824B-4386-8B52-184BC848ED5D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>
                  <a:off x="5863771" y="5173361"/>
                  <a:ext cx="464458" cy="394944"/>
                </a:xfrm>
                <a:custGeom>
                  <a:avLst/>
                  <a:gdLst>
                    <a:gd name="T0" fmla="*/ 14908 w 18956"/>
                    <a:gd name="T1" fmla="*/ 13309 h 16145"/>
                    <a:gd name="T2" fmla="*/ 14884 w 18956"/>
                    <a:gd name="T3" fmla="*/ 15515 h 16145"/>
                    <a:gd name="T4" fmla="*/ 12654 w 18956"/>
                    <a:gd name="T5" fmla="*/ 15515 h 16145"/>
                    <a:gd name="T6" fmla="*/ 8775 w 18956"/>
                    <a:gd name="T7" fmla="*/ 11369 h 16145"/>
                    <a:gd name="T8" fmla="*/ 5139 w 18956"/>
                    <a:gd name="T9" fmla="*/ 15757 h 16145"/>
                    <a:gd name="T10" fmla="*/ 3830 w 18956"/>
                    <a:gd name="T11" fmla="*/ 15757 h 16145"/>
                    <a:gd name="T12" fmla="*/ 2909 w 18956"/>
                    <a:gd name="T13" fmla="*/ 14812 h 16145"/>
                    <a:gd name="T14" fmla="*/ 2884 w 18956"/>
                    <a:gd name="T15" fmla="*/ 13478 h 16145"/>
                    <a:gd name="T16" fmla="*/ 7078 w 18956"/>
                    <a:gd name="T17" fmla="*/ 9575 h 16145"/>
                    <a:gd name="T18" fmla="*/ 5066 w 18956"/>
                    <a:gd name="T19" fmla="*/ 7661 h 16145"/>
                    <a:gd name="T20" fmla="*/ 3466 w 18956"/>
                    <a:gd name="T21" fmla="*/ 7006 h 16145"/>
                    <a:gd name="T22" fmla="*/ 1479 w 18956"/>
                    <a:gd name="T23" fmla="*/ 6740 h 16145"/>
                    <a:gd name="T24" fmla="*/ 73 w 18956"/>
                    <a:gd name="T25" fmla="*/ 3952 h 16145"/>
                    <a:gd name="T26" fmla="*/ 194 w 18956"/>
                    <a:gd name="T27" fmla="*/ 3758 h 16145"/>
                    <a:gd name="T28" fmla="*/ 1721 w 18956"/>
                    <a:gd name="T29" fmla="*/ 4752 h 16145"/>
                    <a:gd name="T30" fmla="*/ 3394 w 18956"/>
                    <a:gd name="T31" fmla="*/ 4218 h 16145"/>
                    <a:gd name="T32" fmla="*/ 3297 w 18956"/>
                    <a:gd name="T33" fmla="*/ 2376 h 16145"/>
                    <a:gd name="T34" fmla="*/ 1769 w 18956"/>
                    <a:gd name="T35" fmla="*/ 1407 h 16145"/>
                    <a:gd name="T36" fmla="*/ 1915 w 18956"/>
                    <a:gd name="T37" fmla="*/ 1212 h 16145"/>
                    <a:gd name="T38" fmla="*/ 4969 w 18956"/>
                    <a:gd name="T39" fmla="*/ 1261 h 16145"/>
                    <a:gd name="T40" fmla="*/ 6230 w 18956"/>
                    <a:gd name="T41" fmla="*/ 4218 h 16145"/>
                    <a:gd name="T42" fmla="*/ 6787 w 18956"/>
                    <a:gd name="T43" fmla="*/ 5770 h 16145"/>
                    <a:gd name="T44" fmla="*/ 8823 w 18956"/>
                    <a:gd name="T45" fmla="*/ 7782 h 16145"/>
                    <a:gd name="T46" fmla="*/ 11199 w 18956"/>
                    <a:gd name="T47" fmla="*/ 5333 h 16145"/>
                    <a:gd name="T48" fmla="*/ 12993 w 18956"/>
                    <a:gd name="T49" fmla="*/ 7127 h 16145"/>
                    <a:gd name="T50" fmla="*/ 10617 w 18956"/>
                    <a:gd name="T51" fmla="*/ 9479 h 16145"/>
                    <a:gd name="T52" fmla="*/ 14908 w 18956"/>
                    <a:gd name="T53" fmla="*/ 13309 h 16145"/>
                    <a:gd name="T54" fmla="*/ 17356 w 18956"/>
                    <a:gd name="T55" fmla="*/ 5867 h 16145"/>
                    <a:gd name="T56" fmla="*/ 18399 w 18956"/>
                    <a:gd name="T57" fmla="*/ 5891 h 16145"/>
                    <a:gd name="T58" fmla="*/ 18665 w 18956"/>
                    <a:gd name="T59" fmla="*/ 6158 h 16145"/>
                    <a:gd name="T60" fmla="*/ 18641 w 18956"/>
                    <a:gd name="T61" fmla="*/ 7152 h 16145"/>
                    <a:gd name="T62" fmla="*/ 17187 w 18956"/>
                    <a:gd name="T63" fmla="*/ 8606 h 16145"/>
                    <a:gd name="T64" fmla="*/ 16169 w 18956"/>
                    <a:gd name="T65" fmla="*/ 8630 h 16145"/>
                    <a:gd name="T66" fmla="*/ 15902 w 18956"/>
                    <a:gd name="T67" fmla="*/ 8364 h 16145"/>
                    <a:gd name="T68" fmla="*/ 15902 w 18956"/>
                    <a:gd name="T69" fmla="*/ 7321 h 16145"/>
                    <a:gd name="T70" fmla="*/ 15514 w 18956"/>
                    <a:gd name="T71" fmla="*/ 6545 h 16145"/>
                    <a:gd name="T72" fmla="*/ 13866 w 18956"/>
                    <a:gd name="T73" fmla="*/ 6230 h 16145"/>
                    <a:gd name="T74" fmla="*/ 13381 w 18956"/>
                    <a:gd name="T75" fmla="*/ 6739 h 16145"/>
                    <a:gd name="T76" fmla="*/ 11611 w 18956"/>
                    <a:gd name="T77" fmla="*/ 4921 h 16145"/>
                    <a:gd name="T78" fmla="*/ 12120 w 18956"/>
                    <a:gd name="T79" fmla="*/ 4436 h 16145"/>
                    <a:gd name="T80" fmla="*/ 12048 w 18956"/>
                    <a:gd name="T81" fmla="*/ 3249 h 16145"/>
                    <a:gd name="T82" fmla="*/ 8314 w 18956"/>
                    <a:gd name="T83" fmla="*/ 1746 h 16145"/>
                    <a:gd name="T84" fmla="*/ 8290 w 18956"/>
                    <a:gd name="T85" fmla="*/ 1164 h 16145"/>
                    <a:gd name="T86" fmla="*/ 15005 w 18956"/>
                    <a:gd name="T87" fmla="*/ 2521 h 16145"/>
                    <a:gd name="T88" fmla="*/ 16290 w 18956"/>
                    <a:gd name="T89" fmla="*/ 3806 h 16145"/>
                    <a:gd name="T90" fmla="*/ 16726 w 18956"/>
                    <a:gd name="T91" fmla="*/ 5552 h 16145"/>
                    <a:gd name="T92" fmla="*/ 17356 w 18956"/>
                    <a:gd name="T93" fmla="*/ 5867 h 16145"/>
                    <a:gd name="T94" fmla="*/ 13793 w 18956"/>
                    <a:gd name="T95" fmla="*/ 15224 h 16145"/>
                    <a:gd name="T96" fmla="*/ 14617 w 18956"/>
                    <a:gd name="T97" fmla="*/ 14400 h 16145"/>
                    <a:gd name="T98" fmla="*/ 13793 w 18956"/>
                    <a:gd name="T99" fmla="*/ 13575 h 16145"/>
                    <a:gd name="T100" fmla="*/ 12969 w 18956"/>
                    <a:gd name="T101" fmla="*/ 14400 h 16145"/>
                    <a:gd name="T102" fmla="*/ 13793 w 18956"/>
                    <a:gd name="T103" fmla="*/ 15224 h 16145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</a:cxnLst>
                  <a:rect l="0" t="0" r="r" b="b"/>
                  <a:pathLst>
                    <a:path w="18956" h="16145">
                      <a:moveTo>
                        <a:pt x="14908" y="13309"/>
                      </a:moveTo>
                      <a:cubicBezTo>
                        <a:pt x="15514" y="13915"/>
                        <a:pt x="15514" y="14884"/>
                        <a:pt x="14884" y="15515"/>
                      </a:cubicBezTo>
                      <a:cubicBezTo>
                        <a:pt x="14278" y="16121"/>
                        <a:pt x="13284" y="16121"/>
                        <a:pt x="12654" y="15515"/>
                      </a:cubicBezTo>
                      <a:lnTo>
                        <a:pt x="8775" y="11369"/>
                      </a:lnTo>
                      <a:lnTo>
                        <a:pt x="5139" y="15757"/>
                      </a:lnTo>
                      <a:cubicBezTo>
                        <a:pt x="4799" y="16121"/>
                        <a:pt x="4169" y="16145"/>
                        <a:pt x="3830" y="15757"/>
                      </a:cubicBezTo>
                      <a:lnTo>
                        <a:pt x="2909" y="14812"/>
                      </a:lnTo>
                      <a:cubicBezTo>
                        <a:pt x="2521" y="14448"/>
                        <a:pt x="2521" y="13842"/>
                        <a:pt x="2884" y="13478"/>
                      </a:cubicBezTo>
                      <a:lnTo>
                        <a:pt x="7078" y="9575"/>
                      </a:lnTo>
                      <a:lnTo>
                        <a:pt x="5066" y="7661"/>
                      </a:lnTo>
                      <a:cubicBezTo>
                        <a:pt x="4387" y="7030"/>
                        <a:pt x="4000" y="6836"/>
                        <a:pt x="3466" y="7006"/>
                      </a:cubicBezTo>
                      <a:cubicBezTo>
                        <a:pt x="2933" y="7200"/>
                        <a:pt x="2182" y="7200"/>
                        <a:pt x="1479" y="6740"/>
                      </a:cubicBezTo>
                      <a:cubicBezTo>
                        <a:pt x="0" y="5794"/>
                        <a:pt x="73" y="3952"/>
                        <a:pt x="73" y="3952"/>
                      </a:cubicBezTo>
                      <a:lnTo>
                        <a:pt x="194" y="3758"/>
                      </a:lnTo>
                      <a:lnTo>
                        <a:pt x="1721" y="4752"/>
                      </a:lnTo>
                      <a:cubicBezTo>
                        <a:pt x="1721" y="4752"/>
                        <a:pt x="2666" y="5334"/>
                        <a:pt x="3394" y="4218"/>
                      </a:cubicBezTo>
                      <a:cubicBezTo>
                        <a:pt x="4218" y="2909"/>
                        <a:pt x="3297" y="2376"/>
                        <a:pt x="3297" y="2376"/>
                      </a:cubicBezTo>
                      <a:lnTo>
                        <a:pt x="1769" y="1407"/>
                      </a:lnTo>
                      <a:lnTo>
                        <a:pt x="1915" y="1212"/>
                      </a:lnTo>
                      <a:cubicBezTo>
                        <a:pt x="1915" y="1212"/>
                        <a:pt x="3321" y="316"/>
                        <a:pt x="4969" y="1261"/>
                      </a:cubicBezTo>
                      <a:cubicBezTo>
                        <a:pt x="5987" y="1867"/>
                        <a:pt x="6496" y="3055"/>
                        <a:pt x="6230" y="4218"/>
                      </a:cubicBezTo>
                      <a:cubicBezTo>
                        <a:pt x="6084" y="4921"/>
                        <a:pt x="6230" y="5164"/>
                        <a:pt x="6787" y="5770"/>
                      </a:cubicBezTo>
                      <a:lnTo>
                        <a:pt x="8823" y="7782"/>
                      </a:lnTo>
                      <a:lnTo>
                        <a:pt x="11199" y="5333"/>
                      </a:lnTo>
                      <a:lnTo>
                        <a:pt x="12993" y="7127"/>
                      </a:lnTo>
                      <a:lnTo>
                        <a:pt x="10617" y="9479"/>
                      </a:lnTo>
                      <a:lnTo>
                        <a:pt x="14908" y="13309"/>
                      </a:lnTo>
                      <a:close/>
                      <a:moveTo>
                        <a:pt x="17356" y="5867"/>
                      </a:moveTo>
                      <a:cubicBezTo>
                        <a:pt x="17647" y="5576"/>
                        <a:pt x="18132" y="5624"/>
                        <a:pt x="18399" y="5891"/>
                      </a:cubicBezTo>
                      <a:lnTo>
                        <a:pt x="18665" y="6158"/>
                      </a:lnTo>
                      <a:cubicBezTo>
                        <a:pt x="18956" y="6449"/>
                        <a:pt x="18908" y="6885"/>
                        <a:pt x="18641" y="7152"/>
                      </a:cubicBezTo>
                      <a:lnTo>
                        <a:pt x="17187" y="8606"/>
                      </a:lnTo>
                      <a:cubicBezTo>
                        <a:pt x="16896" y="8897"/>
                        <a:pt x="16459" y="8921"/>
                        <a:pt x="16169" y="8630"/>
                      </a:cubicBezTo>
                      <a:lnTo>
                        <a:pt x="15902" y="8364"/>
                      </a:lnTo>
                      <a:cubicBezTo>
                        <a:pt x="15611" y="8073"/>
                        <a:pt x="15611" y="7612"/>
                        <a:pt x="15902" y="7321"/>
                      </a:cubicBezTo>
                      <a:cubicBezTo>
                        <a:pt x="15950" y="7152"/>
                        <a:pt x="15805" y="6836"/>
                        <a:pt x="15514" y="6545"/>
                      </a:cubicBezTo>
                      <a:cubicBezTo>
                        <a:pt x="14908" y="5939"/>
                        <a:pt x="14205" y="5915"/>
                        <a:pt x="13866" y="6230"/>
                      </a:cubicBezTo>
                      <a:lnTo>
                        <a:pt x="13381" y="6739"/>
                      </a:lnTo>
                      <a:lnTo>
                        <a:pt x="11611" y="4921"/>
                      </a:lnTo>
                      <a:lnTo>
                        <a:pt x="12120" y="4436"/>
                      </a:lnTo>
                      <a:cubicBezTo>
                        <a:pt x="12678" y="3855"/>
                        <a:pt x="12048" y="3249"/>
                        <a:pt x="12048" y="3249"/>
                      </a:cubicBezTo>
                      <a:cubicBezTo>
                        <a:pt x="10496" y="1697"/>
                        <a:pt x="8314" y="1746"/>
                        <a:pt x="8314" y="1746"/>
                      </a:cubicBezTo>
                      <a:lnTo>
                        <a:pt x="8290" y="1164"/>
                      </a:lnTo>
                      <a:cubicBezTo>
                        <a:pt x="12726" y="0"/>
                        <a:pt x="14399" y="1940"/>
                        <a:pt x="15005" y="2521"/>
                      </a:cubicBezTo>
                      <a:lnTo>
                        <a:pt x="16290" y="3806"/>
                      </a:lnTo>
                      <a:cubicBezTo>
                        <a:pt x="16605" y="4146"/>
                        <a:pt x="16265" y="5067"/>
                        <a:pt x="16726" y="5552"/>
                      </a:cubicBezTo>
                      <a:cubicBezTo>
                        <a:pt x="16920" y="5770"/>
                        <a:pt x="17162" y="5843"/>
                        <a:pt x="17356" y="5867"/>
                      </a:cubicBezTo>
                      <a:close/>
                      <a:moveTo>
                        <a:pt x="13793" y="15224"/>
                      </a:moveTo>
                      <a:cubicBezTo>
                        <a:pt x="14254" y="15224"/>
                        <a:pt x="14617" y="14860"/>
                        <a:pt x="14617" y="14400"/>
                      </a:cubicBezTo>
                      <a:cubicBezTo>
                        <a:pt x="14617" y="13939"/>
                        <a:pt x="14254" y="13575"/>
                        <a:pt x="13793" y="13575"/>
                      </a:cubicBezTo>
                      <a:cubicBezTo>
                        <a:pt x="13332" y="13575"/>
                        <a:pt x="12969" y="13939"/>
                        <a:pt x="12969" y="14400"/>
                      </a:cubicBezTo>
                      <a:cubicBezTo>
                        <a:pt x="12969" y="14860"/>
                        <a:pt x="13332" y="15224"/>
                        <a:pt x="13793" y="15224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>
                  <a:noFill/>
                </a:ln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defTabSz="685800">
                    <a:defRPr/>
                  </a:pPr>
                  <a:endParaRPr lang="en-US" sz="1350" kern="0">
                    <a:solidFill>
                      <a:prstClr val="black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</p:grpSp>
        </p:grpSp>
      </p:grpSp>
      <p:sp>
        <p:nvSpPr>
          <p:cNvPr id="2" name="Rectangle 1">
            <a:extLst>
              <a:ext uri="{FF2B5EF4-FFF2-40B4-BE49-F238E27FC236}">
                <a16:creationId xmlns:a16="http://schemas.microsoft.com/office/drawing/2014/main" id="{E523E6FE-D52D-44F2-AEE8-54A531849D29}"/>
              </a:ext>
            </a:extLst>
          </p:cNvPr>
          <p:cNvSpPr/>
          <p:nvPr/>
        </p:nvSpPr>
        <p:spPr>
          <a:xfrm>
            <a:off x="2000484" y="167107"/>
            <a:ext cx="822842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>
                <a:latin typeface="Arial" panose="020B0604020202020204" pitchFamily="34" charset="0"/>
                <a:cs typeface="Arial" panose="020B0604020202020204" pitchFamily="34" charset="0"/>
              </a:rPr>
              <a:t>CI / CD process </a:t>
            </a:r>
          </a:p>
        </p:txBody>
      </p:sp>
      <p:sp>
        <p:nvSpPr>
          <p:cNvPr id="138" name="Rectangle 137">
            <a:extLst>
              <a:ext uri="{FF2B5EF4-FFF2-40B4-BE49-F238E27FC236}">
                <a16:creationId xmlns:a16="http://schemas.microsoft.com/office/drawing/2014/main" id="{C1A76BC4-216B-4989-B930-69AB4E42059F}"/>
              </a:ext>
            </a:extLst>
          </p:cNvPr>
          <p:cNvSpPr/>
          <p:nvPr/>
        </p:nvSpPr>
        <p:spPr>
          <a:xfrm>
            <a:off x="5230616" y="3414157"/>
            <a:ext cx="172868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200" b="1">
                <a:latin typeface="Arial" panose="020B0604020202020204" pitchFamily="34" charset="0"/>
                <a:cs typeface="Arial" panose="020B0604020202020204" pitchFamily="34" charset="0"/>
              </a:rPr>
              <a:t>Project Proposal Waste Management</a:t>
            </a:r>
          </a:p>
        </p:txBody>
      </p:sp>
      <p:grpSp>
        <p:nvGrpSpPr>
          <p:cNvPr id="104" name="Group 103">
            <a:extLst>
              <a:ext uri="{FF2B5EF4-FFF2-40B4-BE49-F238E27FC236}">
                <a16:creationId xmlns:a16="http://schemas.microsoft.com/office/drawing/2014/main" id="{F8FF6682-20C3-4B92-8F7F-A6D9449A5FB9}"/>
              </a:ext>
            </a:extLst>
          </p:cNvPr>
          <p:cNvGrpSpPr/>
          <p:nvPr/>
        </p:nvGrpSpPr>
        <p:grpSpPr>
          <a:xfrm>
            <a:off x="1618018" y="688923"/>
            <a:ext cx="8955964" cy="21894"/>
            <a:chOff x="0" y="1041308"/>
            <a:chExt cx="12192000" cy="21894"/>
          </a:xfrm>
        </p:grpSpPr>
        <p:cxnSp>
          <p:nvCxnSpPr>
            <p:cNvPr id="106" name="Straight Connector 105">
              <a:extLst>
                <a:ext uri="{FF2B5EF4-FFF2-40B4-BE49-F238E27FC236}">
                  <a16:creationId xmlns:a16="http://schemas.microsoft.com/office/drawing/2014/main" id="{C4756931-B16C-4B1E-991B-FB86BA1A06BB}"/>
                </a:ext>
              </a:extLst>
            </p:cNvPr>
            <p:cNvCxnSpPr/>
            <p:nvPr/>
          </p:nvCxnSpPr>
          <p:spPr>
            <a:xfrm>
              <a:off x="0" y="1052255"/>
              <a:ext cx="12192000" cy="0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7" name="Rectangle: Rounded Corners 106">
              <a:extLst>
                <a:ext uri="{FF2B5EF4-FFF2-40B4-BE49-F238E27FC236}">
                  <a16:creationId xmlns:a16="http://schemas.microsoft.com/office/drawing/2014/main" id="{E346DCB0-B887-48A0-8DE7-3E05E3C33FC5}"/>
                </a:ext>
              </a:extLst>
            </p:cNvPr>
            <p:cNvSpPr/>
            <p:nvPr/>
          </p:nvSpPr>
          <p:spPr>
            <a:xfrm>
              <a:off x="2667000" y="1041308"/>
              <a:ext cx="6858000" cy="21894"/>
            </a:xfrm>
            <a:prstGeom prst="roundRect">
              <a:avLst/>
            </a:prstGeom>
            <a:solidFill>
              <a:schemeClr val="tx1">
                <a:lumMod val="50000"/>
                <a:lumOff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 defTabSz="914400">
                <a:defRPr/>
              </a:pPr>
              <a:endParaRPr lang="en-US">
                <a:solidFill>
                  <a:prstClr val="white"/>
                </a:solidFill>
                <a:latin typeface="Arial Nova Cond" panose="020B0506020202020204" pitchFamily="34" charset="0"/>
              </a:endParaRPr>
            </a:p>
          </p:txBody>
        </p:sp>
      </p:grpSp>
      <p:pic>
        <p:nvPicPr>
          <p:cNvPr id="4" name="Picture 4" descr="Diagram&#10;&#10;Description automatically generated">
            <a:extLst>
              <a:ext uri="{FF2B5EF4-FFF2-40B4-BE49-F238E27FC236}">
                <a16:creationId xmlns:a16="http://schemas.microsoft.com/office/drawing/2014/main" id="{89800053-3BBB-2B0A-90A6-1B29D9C0286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24400" y="2858293"/>
            <a:ext cx="2743200" cy="11414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738035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1C42E0-F81E-DEC8-53D5-550324C0D0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uthentication and Authorization</a:t>
            </a:r>
          </a:p>
        </p:txBody>
      </p:sp>
    </p:spTree>
    <p:extLst>
      <p:ext uri="{BB962C8B-B14F-4D97-AF65-F5344CB8AC3E}">
        <p14:creationId xmlns:p14="http://schemas.microsoft.com/office/powerpoint/2010/main" val="231088205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65E688-3911-2BD4-128C-F4E1C90301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ecurity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ED8478A-D776-ECF4-9CC3-5D00EED47E5D}"/>
              </a:ext>
            </a:extLst>
          </p:cNvPr>
          <p:cNvSpPr txBox="1"/>
          <p:nvPr/>
        </p:nvSpPr>
        <p:spPr>
          <a:xfrm>
            <a:off x="306977" y="1566765"/>
            <a:ext cx="6100354" cy="258532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   - Secret Management: How we are storing passwords or secrets, AWS </a:t>
            </a:r>
            <a:r>
              <a:rPr lang="en-US" dirty="0" err="1">
                <a:solidFill>
                  <a:srgbClr val="242424"/>
                </a:solidFill>
                <a:ea typeface="+mn-lt"/>
                <a:cs typeface="+mn-lt"/>
              </a:rPr>
              <a:t>credetials</a:t>
            </a:r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, </a:t>
            </a:r>
            <a:endParaRPr lang="en-US" dirty="0">
              <a:solidFill>
                <a:srgbClr val="242424"/>
              </a:solidFill>
              <a:cs typeface="Calibri"/>
            </a:endParaRP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   - Tools used for Security testing</a:t>
            </a: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   - Infra security: Firewall, allowed ports, https, high availability</a:t>
            </a: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   - Web application security: OWASP attacks testing </a:t>
            </a: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   - API security: Authentication used, session management</a:t>
            </a: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   - Disaster recovery: backup and recovery plan</a:t>
            </a:r>
            <a:endParaRPr lang="en-US" dirty="0">
              <a:ea typeface="+mn-lt"/>
              <a:cs typeface="+mn-lt"/>
            </a:endParaRPr>
          </a:p>
          <a:p>
            <a:r>
              <a:rPr lang="en-US" dirty="0">
                <a:solidFill>
                  <a:srgbClr val="242424"/>
                </a:solidFill>
                <a:latin typeface="Calibri"/>
                <a:ea typeface="-apple-system"/>
                <a:cs typeface="Calibri"/>
              </a:rPr>
              <a:t>    - PII/confidential data storage: How we are storing, who can view and how we are managing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4787099-1D5D-4A78-957A-BFAC72FB1FEC}"/>
              </a:ext>
            </a:extLst>
          </p:cNvPr>
          <p:cNvSpPr txBox="1"/>
          <p:nvPr/>
        </p:nvSpPr>
        <p:spPr>
          <a:xfrm>
            <a:off x="6096000" y="1423329"/>
            <a:ext cx="6100354" cy="203132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   - Secret Management: Secret Manager</a:t>
            </a: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   - </a:t>
            </a:r>
            <a:r>
              <a:rPr lang="en-US" b="1" dirty="0">
                <a:solidFill>
                  <a:srgbClr val="242424"/>
                </a:solidFill>
                <a:ea typeface="+mn-lt"/>
                <a:cs typeface="+mn-lt"/>
              </a:rPr>
              <a:t>Tools used for Security testing</a:t>
            </a: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   - Infra security: https</a:t>
            </a: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   - </a:t>
            </a:r>
            <a:r>
              <a:rPr lang="en-US" b="1" dirty="0">
                <a:solidFill>
                  <a:srgbClr val="242424"/>
                </a:solidFill>
                <a:ea typeface="+mn-lt"/>
                <a:cs typeface="+mn-lt"/>
              </a:rPr>
              <a:t>Web application security: OWASP attacks testing </a:t>
            </a: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   - </a:t>
            </a:r>
            <a:r>
              <a:rPr lang="en-US" u="sng" dirty="0">
                <a:solidFill>
                  <a:srgbClr val="242424"/>
                </a:solidFill>
                <a:ea typeface="+mn-lt"/>
                <a:cs typeface="+mn-lt"/>
              </a:rPr>
              <a:t>API security: Bearer token or any other auth tokens</a:t>
            </a:r>
          </a:p>
          <a:p>
            <a:r>
              <a:rPr lang="en-US" dirty="0">
                <a:solidFill>
                  <a:srgbClr val="242424"/>
                </a:solidFill>
                <a:ea typeface="+mn-lt"/>
                <a:cs typeface="+mn-lt"/>
              </a:rPr>
              <a:t>    - Disaster recovery: CICD using Git-hub Actions</a:t>
            </a:r>
            <a:endParaRPr lang="en-US" dirty="0">
              <a:ea typeface="+mn-lt"/>
              <a:cs typeface="+mn-lt"/>
            </a:endParaRPr>
          </a:p>
          <a:p>
            <a:r>
              <a:rPr lang="en-US" dirty="0">
                <a:solidFill>
                  <a:srgbClr val="242424"/>
                </a:solidFill>
                <a:latin typeface="Calibri"/>
                <a:ea typeface="-apple-system"/>
                <a:cs typeface="Calibri"/>
              </a:rPr>
              <a:t>    - PII/confidential data </a:t>
            </a:r>
            <a:r>
              <a:rPr lang="en-US" dirty="0" err="1">
                <a:solidFill>
                  <a:srgbClr val="242424"/>
                </a:solidFill>
                <a:latin typeface="Calibri"/>
                <a:ea typeface="-apple-system"/>
                <a:cs typeface="Calibri"/>
              </a:rPr>
              <a:t>storage:Secret</a:t>
            </a:r>
            <a:r>
              <a:rPr lang="en-US" dirty="0">
                <a:solidFill>
                  <a:srgbClr val="242424"/>
                </a:solidFill>
                <a:latin typeface="Calibri"/>
                <a:ea typeface="-apple-system"/>
                <a:cs typeface="Calibri"/>
              </a:rPr>
              <a:t> Manager</a:t>
            </a:r>
          </a:p>
        </p:txBody>
      </p:sp>
    </p:spTree>
    <p:extLst>
      <p:ext uri="{BB962C8B-B14F-4D97-AF65-F5344CB8AC3E}">
        <p14:creationId xmlns:p14="http://schemas.microsoft.com/office/powerpoint/2010/main" val="415231016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8306F9-F0B4-AF6E-15EE-FC6EBF4BE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Performanc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0C8CA64-1AE9-8462-E802-B82FCC278A66}"/>
              </a:ext>
            </a:extLst>
          </p:cNvPr>
          <p:cNvSpPr txBox="1"/>
          <p:nvPr/>
        </p:nvSpPr>
        <p:spPr>
          <a:xfrm>
            <a:off x="1051560" y="1794357"/>
            <a:ext cx="610035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API response time, UI load time, Tools used to measure this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61630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B560339-FA31-E40D-776A-F83F901A59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26592" y="337304"/>
            <a:ext cx="10905066" cy="1135737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600" kern="1200" dirty="0">
                <a:solidFill>
                  <a:schemeClr val="tx1"/>
                </a:solidFill>
                <a:latin typeface="+mj-lt"/>
                <a:ea typeface="+mj-ea"/>
                <a:cs typeface="+mj-cs"/>
              </a:rPr>
              <a:t>Agenda : Project Architecture information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1052629" y="2120024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Isosceles Triangle 12">
            <a:extLst>
              <a:ext uri="{FF2B5EF4-FFF2-40B4-BE49-F238E27FC236}">
                <a16:creationId xmlns:a16="http://schemas.microsoft.com/office/drawing/2014/main" id="{A580F890-B085-4E95-96AA-55AEBEC5CE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>
            <a:off x="10289068" y="1343027"/>
            <a:ext cx="2532832" cy="1273032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Isosceles Triangle 14">
            <a:extLst>
              <a:ext uri="{FF2B5EF4-FFF2-40B4-BE49-F238E27FC236}">
                <a16:creationId xmlns:a16="http://schemas.microsoft.com/office/drawing/2014/main" id="{D3F51FEB-38FB-4F6C-9F7B-2F2AFAB6546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-501760" y="5103257"/>
            <a:ext cx="2017580" cy="1014060"/>
          </a:xfrm>
          <a:prstGeom prst="triangle">
            <a:avLst>
              <a:gd name="adj" fmla="val 50000"/>
            </a:avLst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1E547BA6-BAE0-43BB-A7CA-60F69CE252F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27916" y="5728708"/>
            <a:ext cx="485578" cy="48557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graphicFrame>
        <p:nvGraphicFramePr>
          <p:cNvPr id="19" name="TextBox 3">
            <a:extLst>
              <a:ext uri="{FF2B5EF4-FFF2-40B4-BE49-F238E27FC236}">
                <a16:creationId xmlns:a16="http://schemas.microsoft.com/office/drawing/2014/main" id="{9D82E080-FA1C-4EFD-EF34-B05057DA1E7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979223496"/>
              </p:ext>
            </p:extLst>
          </p:nvPr>
        </p:nvGraphicFramePr>
        <p:xfrm>
          <a:off x="1292060" y="1527535"/>
          <a:ext cx="9403650" cy="4485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47213007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8306F9-F0B4-AF6E-15EE-FC6EBF4BE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vailability, Scalability &amp; Disaster Recovery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0C8CA64-1AE9-8462-E802-B82FCC278A66}"/>
              </a:ext>
            </a:extLst>
          </p:cNvPr>
          <p:cNvSpPr txBox="1"/>
          <p:nvPr/>
        </p:nvSpPr>
        <p:spPr>
          <a:xfrm>
            <a:off x="1051560" y="1794357"/>
            <a:ext cx="610035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API response time, UI load time, Tools used to measure thi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047115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8306F9-F0B4-AF6E-15EE-FC6EBF4BE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Logging &amp; Monitoring</a:t>
            </a:r>
          </a:p>
        </p:txBody>
      </p:sp>
    </p:spTree>
    <p:extLst>
      <p:ext uri="{BB962C8B-B14F-4D97-AF65-F5344CB8AC3E}">
        <p14:creationId xmlns:p14="http://schemas.microsoft.com/office/powerpoint/2010/main" val="407001357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8306F9-F0B4-AF6E-15EE-FC6EBF4BE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rror and Exception Handling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DC8DCFE-5F7E-6B5F-5307-BDB563D381D5}"/>
              </a:ext>
            </a:extLst>
          </p:cNvPr>
          <p:cNvSpPr txBox="1"/>
          <p:nvPr/>
        </p:nvSpPr>
        <p:spPr>
          <a:xfrm>
            <a:off x="1051560" y="1794357"/>
            <a:ext cx="6100354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Exception and Error handl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Retry &amp; restart-abilit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6350366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>
            <a:extLst>
              <a:ext uri="{FF2B5EF4-FFF2-40B4-BE49-F238E27FC236}">
                <a16:creationId xmlns:a16="http://schemas.microsoft.com/office/drawing/2014/main" id="{1F3B02F1-E561-EC00-4554-E9A9980B859B}"/>
              </a:ext>
            </a:extLst>
          </p:cNvPr>
          <p:cNvSpPr txBox="1">
            <a:spLocks/>
          </p:cNvSpPr>
          <p:nvPr/>
        </p:nvSpPr>
        <p:spPr>
          <a:xfrm>
            <a:off x="990600" y="5175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Documentation 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F328208-BE09-7F1C-D382-F136BC52EEF3}"/>
              </a:ext>
            </a:extLst>
          </p:cNvPr>
          <p:cNvSpPr txBox="1"/>
          <p:nvPr/>
        </p:nvSpPr>
        <p:spPr>
          <a:xfrm>
            <a:off x="1051560" y="1794357"/>
            <a:ext cx="6100354" cy="175432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Onboard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Project setu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P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Database attribut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ode comments and Technical detai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876886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A15718-329B-4E7F-6D0B-FD8BA3AB8C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PI and 3</a:t>
            </a:r>
            <a:r>
              <a:rPr lang="en-US" baseline="30000"/>
              <a:t>rd</a:t>
            </a:r>
            <a:r>
              <a:rPr lang="en-US"/>
              <a:t> party services used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DD1100F-20AC-42F7-43F5-4D02D68AAC5F}"/>
              </a:ext>
            </a:extLst>
          </p:cNvPr>
          <p:cNvSpPr txBox="1"/>
          <p:nvPr/>
        </p:nvSpPr>
        <p:spPr>
          <a:xfrm>
            <a:off x="899885" y="1407885"/>
            <a:ext cx="7852228" cy="1034129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1. Technologies used - FE, BE, Database, Build and Deploy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2. Architecture diagram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3. Logical/HLD diagram</a:t>
            </a:r>
          </a:p>
          <a:p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4. CI/CD setup</a:t>
            </a:r>
            <a:endParaRPr lang="en-US">
              <a:ea typeface="+mn-lt"/>
              <a:cs typeface="+mn-lt"/>
            </a:endParaRP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Calibri"/>
              </a:rPr>
              <a:t>5</a:t>
            </a:r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. DB Design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6. API Specification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7. Testing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   - Unit testing % coverage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   - Integration Testing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   - Automation testing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   - Security Testing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   - Performance Testing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8. Review checklist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   - Coding guidelines: Project coding guidelines 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   - Log Management: How we are storing it, tool to manage, exception alerts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   - Monitoring: Notifications, server usage, API performance, Health check, Application monitoring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   - Documentation : API, project setup, Code comments, Tech Documentation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   - Error Handling: Enough logs to debug any issue, custom exception handling, retries &amp; restart of processes,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   - Performance: API response time, UI load time, Tools used to measure this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    - 3rd Party Integrations: Any integrations that we are doing, retries &amp; timeouts, exception handling</a:t>
            </a:r>
          </a:p>
          <a:p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    - Single point of failure: Find out single point of failures in application</a:t>
            </a:r>
            <a:endParaRPr lang="en-US">
              <a:ea typeface="+mn-lt"/>
              <a:cs typeface="+mn-lt"/>
            </a:endParaRP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9. Security:</a:t>
            </a:r>
          </a:p>
          <a:p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    - Secret Management: How we are storing passwords or secrets, AWS </a:t>
            </a:r>
            <a:r>
              <a:rPr lang="en-US" err="1">
                <a:solidFill>
                  <a:srgbClr val="242424"/>
                </a:solidFill>
                <a:ea typeface="+mn-lt"/>
                <a:cs typeface="+mn-lt"/>
              </a:rPr>
              <a:t>credetials</a:t>
            </a:r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, </a:t>
            </a:r>
            <a:endParaRPr lang="en-US">
              <a:solidFill>
                <a:srgbClr val="242424"/>
              </a:solidFill>
              <a:cs typeface="Calibri"/>
            </a:endParaRPr>
          </a:p>
          <a:p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    - Tools used for Security testing</a:t>
            </a:r>
          </a:p>
          <a:p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    - Infra security: Firewall, allowed ports, https, high availability</a:t>
            </a:r>
          </a:p>
          <a:p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    - Web application security: OWASP attacks testing </a:t>
            </a:r>
          </a:p>
          <a:p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    - API security: Authentication used, session management</a:t>
            </a:r>
          </a:p>
          <a:p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    - Disaster recovery: backup and recovery plan</a:t>
            </a:r>
            <a:endParaRPr lang="en-US">
              <a:ea typeface="+mn-lt"/>
              <a:cs typeface="+mn-lt"/>
            </a:endParaRPr>
          </a:p>
          <a:p>
            <a:r>
              <a:rPr lang="en-US">
                <a:solidFill>
                  <a:srgbClr val="242424"/>
                </a:solidFill>
                <a:latin typeface="Calibri"/>
                <a:ea typeface="-apple-system"/>
                <a:cs typeface="Calibri"/>
              </a:rPr>
              <a:t>    - PII/confidential data storage: How we are storing, who can view and how we are managing</a:t>
            </a:r>
          </a:p>
          <a:p>
            <a:r>
              <a:rPr lang="en-US">
                <a:solidFill>
                  <a:srgbClr val="242424"/>
                </a:solidFill>
                <a:latin typeface="Calibri"/>
                <a:ea typeface="-apple-system"/>
                <a:cs typeface="Calibri"/>
              </a:rPr>
              <a:t>    - </a:t>
            </a:r>
            <a:r>
              <a:rPr lang="en-US">
                <a:solidFill>
                  <a:srgbClr val="242424"/>
                </a:solidFill>
                <a:ea typeface="+mn-lt"/>
                <a:cs typeface="+mn-lt"/>
              </a:rPr>
              <a:t>Some more need to be added.</a:t>
            </a:r>
            <a:endParaRPr lang="en-US">
              <a:ea typeface="+mn-lt"/>
              <a:cs typeface="+mn-lt"/>
            </a:endParaRP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10. NFRs</a:t>
            </a:r>
          </a:p>
          <a:p>
            <a:r>
              <a:rPr lang="en-US">
                <a:solidFill>
                  <a:srgbClr val="242424"/>
                </a:solidFill>
                <a:latin typeface="-apple-system"/>
                <a:ea typeface="-apple-system"/>
                <a:cs typeface="-apple-system"/>
              </a:rPr>
              <a:t>11. Known Issues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956074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EBD641-ABA4-4B2F-AEBB-4C8A42D45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ch Stack</a:t>
            </a:r>
          </a:p>
        </p:txBody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9383D1ED-6AE4-40B3-935D-F590FA5C8273}"/>
              </a:ext>
            </a:extLst>
          </p:cNvPr>
          <p:cNvSpPr/>
          <p:nvPr/>
        </p:nvSpPr>
        <p:spPr>
          <a:xfrm>
            <a:off x="4218178" y="1641319"/>
            <a:ext cx="1787690" cy="1787683"/>
          </a:xfrm>
          <a:custGeom>
            <a:avLst/>
            <a:gdLst>
              <a:gd name="connsiteX0" fmla="*/ 903732 w 2383587"/>
              <a:gd name="connsiteY0" fmla="*/ 0 h 2383577"/>
              <a:gd name="connsiteX1" fmla="*/ 1284870 w 2383587"/>
              <a:gd name="connsiteY1" fmla="*/ 157611 h 2383577"/>
              <a:gd name="connsiteX2" fmla="*/ 1588517 w 2383587"/>
              <a:gd name="connsiteY2" fmla="*/ 461273 h 2383577"/>
              <a:gd name="connsiteX3" fmla="*/ 1588517 w 2383587"/>
              <a:gd name="connsiteY3" fmla="*/ 1223460 h 2383577"/>
              <a:gd name="connsiteX4" fmla="*/ 1588517 w 2383587"/>
              <a:gd name="connsiteY4" fmla="*/ 1545550 h 2383577"/>
              <a:gd name="connsiteX5" fmla="*/ 1593112 w 2383587"/>
              <a:gd name="connsiteY5" fmla="*/ 1550128 h 2383577"/>
              <a:gd name="connsiteX6" fmla="*/ 1832422 w 2383587"/>
              <a:gd name="connsiteY6" fmla="*/ 1602322 h 2383577"/>
              <a:gd name="connsiteX7" fmla="*/ 2264973 w 2383587"/>
              <a:gd name="connsiteY7" fmla="*/ 1692860 h 2383577"/>
              <a:gd name="connsiteX8" fmla="*/ 2246476 w 2383587"/>
              <a:gd name="connsiteY8" fmla="*/ 2283243 h 2383577"/>
              <a:gd name="connsiteX9" fmla="*/ 1703634 w 2383587"/>
              <a:gd name="connsiteY9" fmla="*/ 2275574 h 2383577"/>
              <a:gd name="connsiteX10" fmla="*/ 1602303 w 2383587"/>
              <a:gd name="connsiteY10" fmla="*/ 1832386 h 2383577"/>
              <a:gd name="connsiteX11" fmla="*/ 1550260 w 2383587"/>
              <a:gd name="connsiteY11" fmla="*/ 1593165 h 2383577"/>
              <a:gd name="connsiteX12" fmla="*/ 1545549 w 2383587"/>
              <a:gd name="connsiteY12" fmla="*/ 1588472 h 2383577"/>
              <a:gd name="connsiteX13" fmla="*/ 1223520 w 2383587"/>
              <a:gd name="connsiteY13" fmla="*/ 1588472 h 2383577"/>
              <a:gd name="connsiteX14" fmla="*/ 461244 w 2383587"/>
              <a:gd name="connsiteY14" fmla="*/ 1588472 h 2383577"/>
              <a:gd name="connsiteX15" fmla="*/ 157597 w 2383587"/>
              <a:gd name="connsiteY15" fmla="*/ 1284811 h 2383577"/>
              <a:gd name="connsiteX16" fmla="*/ 157597 w 2383587"/>
              <a:gd name="connsiteY16" fmla="*/ 522623 h 2383577"/>
              <a:gd name="connsiteX17" fmla="*/ 522594 w 2383587"/>
              <a:gd name="connsiteY17" fmla="*/ 157611 h 2383577"/>
              <a:gd name="connsiteX18" fmla="*/ 903732 w 2383587"/>
              <a:gd name="connsiteY18" fmla="*/ 0 h 2383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2383587" h="2383577">
                <a:moveTo>
                  <a:pt x="903732" y="0"/>
                </a:moveTo>
                <a:cubicBezTo>
                  <a:pt x="1041769" y="0"/>
                  <a:pt x="1179806" y="52537"/>
                  <a:pt x="1284870" y="157611"/>
                </a:cubicBezTo>
                <a:lnTo>
                  <a:pt x="1588517" y="461273"/>
                </a:lnTo>
                <a:cubicBezTo>
                  <a:pt x="1798646" y="671421"/>
                  <a:pt x="1798646" y="1013427"/>
                  <a:pt x="1588517" y="1223460"/>
                </a:cubicBezTo>
                <a:cubicBezTo>
                  <a:pt x="1499594" y="1312510"/>
                  <a:pt x="1499594" y="1456615"/>
                  <a:pt x="1588517" y="1545550"/>
                </a:cubicBezTo>
                <a:lnTo>
                  <a:pt x="1593112" y="1550128"/>
                </a:lnTo>
                <a:cubicBezTo>
                  <a:pt x="1656071" y="1613081"/>
                  <a:pt x="1749589" y="1634485"/>
                  <a:pt x="1832422" y="1602322"/>
                </a:cubicBezTo>
                <a:cubicBezTo>
                  <a:pt x="1976606" y="1545550"/>
                  <a:pt x="2148362" y="1576225"/>
                  <a:pt x="2264973" y="1692860"/>
                </a:cubicBezTo>
                <a:cubicBezTo>
                  <a:pt x="2429031" y="1856880"/>
                  <a:pt x="2422942" y="2126891"/>
                  <a:pt x="2246476" y="2283243"/>
                </a:cubicBezTo>
                <a:cubicBezTo>
                  <a:pt x="2091608" y="2419793"/>
                  <a:pt x="1853906" y="2416703"/>
                  <a:pt x="1703634" y="2275574"/>
                </a:cubicBezTo>
                <a:cubicBezTo>
                  <a:pt x="1577833" y="2157566"/>
                  <a:pt x="1544056" y="1981184"/>
                  <a:pt x="1602303" y="1832386"/>
                </a:cubicBezTo>
                <a:cubicBezTo>
                  <a:pt x="1634587" y="1749517"/>
                  <a:pt x="1613103" y="1656004"/>
                  <a:pt x="1550260" y="1593165"/>
                </a:cubicBezTo>
                <a:lnTo>
                  <a:pt x="1545549" y="1588472"/>
                </a:lnTo>
                <a:cubicBezTo>
                  <a:pt x="1456627" y="1499537"/>
                  <a:pt x="1312443" y="1499537"/>
                  <a:pt x="1223520" y="1588472"/>
                </a:cubicBezTo>
                <a:cubicBezTo>
                  <a:pt x="1013392" y="1798620"/>
                  <a:pt x="671373" y="1798620"/>
                  <a:pt x="461244" y="1588472"/>
                </a:cubicBezTo>
                <a:lnTo>
                  <a:pt x="157597" y="1284811"/>
                </a:lnTo>
                <a:cubicBezTo>
                  <a:pt x="-52532" y="1074777"/>
                  <a:pt x="-52532" y="732771"/>
                  <a:pt x="157597" y="522623"/>
                </a:cubicBezTo>
                <a:lnTo>
                  <a:pt x="522594" y="157611"/>
                </a:lnTo>
                <a:cubicBezTo>
                  <a:pt x="627658" y="52537"/>
                  <a:pt x="765695" y="0"/>
                  <a:pt x="903732" y="0"/>
                </a:cubicBezTo>
                <a:close/>
              </a:path>
            </a:pathLst>
          </a:custGeom>
          <a:solidFill>
            <a:schemeClr val="accent5"/>
          </a:solidFill>
          <a:ln w="12700">
            <a:miter lim="400000"/>
          </a:ln>
        </p:spPr>
        <p:txBody>
          <a:bodyPr wrap="square" lIns="28575" tIns="28575" rIns="28575" bIns="28575" anchor="ctr">
            <a:noAutofit/>
          </a:bodyPr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7" name="Freeform: Shape 6">
            <a:extLst>
              <a:ext uri="{FF2B5EF4-FFF2-40B4-BE49-F238E27FC236}">
                <a16:creationId xmlns:a16="http://schemas.microsoft.com/office/drawing/2014/main" id="{D4980B63-447D-4AD3-82AC-271EB9545244}"/>
              </a:ext>
            </a:extLst>
          </p:cNvPr>
          <p:cNvSpPr/>
          <p:nvPr/>
        </p:nvSpPr>
        <p:spPr>
          <a:xfrm>
            <a:off x="4392689" y="1815847"/>
            <a:ext cx="960521" cy="960505"/>
          </a:xfrm>
          <a:custGeom>
            <a:avLst/>
            <a:gdLst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203974 w 1746113"/>
              <a:gd name="connsiteY7" fmla="*/ 993030 h 1746083"/>
              <a:gd name="connsiteX8" fmla="*/ 1143589 w 1746113"/>
              <a:gd name="connsiteY8" fmla="*/ 1381219 h 1746083"/>
              <a:gd name="connsiteX9" fmla="*/ 1195620 w 1746113"/>
              <a:gd name="connsiteY9" fmla="*/ 1611249 h 1746083"/>
              <a:gd name="connsiteX10" fmla="*/ 1139055 w 1746113"/>
              <a:gd name="connsiteY10" fmla="*/ 1657427 h 1746083"/>
              <a:gd name="connsiteX11" fmla="*/ 461244 w 1746113"/>
              <a:gd name="connsiteY11" fmla="*/ 1588472 h 1746083"/>
              <a:gd name="connsiteX12" fmla="*/ 157597 w 1746113"/>
              <a:gd name="connsiteY12" fmla="*/ 1284811 h 1746083"/>
              <a:gd name="connsiteX13" fmla="*/ 157597 w 1746113"/>
              <a:gd name="connsiteY13" fmla="*/ 522623 h 1746083"/>
              <a:gd name="connsiteX14" fmla="*/ 522594 w 1746113"/>
              <a:gd name="connsiteY14" fmla="*/ 157611 h 1746083"/>
              <a:gd name="connsiteX15" fmla="*/ 903732 w 1746113"/>
              <a:gd name="connsiteY15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203974 w 1746113"/>
              <a:gd name="connsiteY7" fmla="*/ 993030 h 1746083"/>
              <a:gd name="connsiteX8" fmla="*/ 1195620 w 1746113"/>
              <a:gd name="connsiteY8" fmla="*/ 1611249 h 1746083"/>
              <a:gd name="connsiteX9" fmla="*/ 1139055 w 1746113"/>
              <a:gd name="connsiteY9" fmla="*/ 1657427 h 1746083"/>
              <a:gd name="connsiteX10" fmla="*/ 461244 w 1746113"/>
              <a:gd name="connsiteY10" fmla="*/ 1588472 h 1746083"/>
              <a:gd name="connsiteX11" fmla="*/ 157597 w 1746113"/>
              <a:gd name="connsiteY11" fmla="*/ 1284811 h 1746083"/>
              <a:gd name="connsiteX12" fmla="*/ 157597 w 1746113"/>
              <a:gd name="connsiteY12" fmla="*/ 522623 h 1746083"/>
              <a:gd name="connsiteX13" fmla="*/ 522594 w 1746113"/>
              <a:gd name="connsiteY13" fmla="*/ 157611 h 1746083"/>
              <a:gd name="connsiteX14" fmla="*/ 903732 w 1746113"/>
              <a:gd name="connsiteY14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195620 w 1746113"/>
              <a:gd name="connsiteY7" fmla="*/ 1611249 h 1746083"/>
              <a:gd name="connsiteX8" fmla="*/ 1139055 w 1746113"/>
              <a:gd name="connsiteY8" fmla="*/ 1657427 h 1746083"/>
              <a:gd name="connsiteX9" fmla="*/ 461244 w 1746113"/>
              <a:gd name="connsiteY9" fmla="*/ 1588472 h 1746083"/>
              <a:gd name="connsiteX10" fmla="*/ 157597 w 1746113"/>
              <a:gd name="connsiteY10" fmla="*/ 1284811 h 1746083"/>
              <a:gd name="connsiteX11" fmla="*/ 157597 w 1746113"/>
              <a:gd name="connsiteY11" fmla="*/ 522623 h 1746083"/>
              <a:gd name="connsiteX12" fmla="*/ 522594 w 1746113"/>
              <a:gd name="connsiteY12" fmla="*/ 157611 h 1746083"/>
              <a:gd name="connsiteX13" fmla="*/ 903732 w 1746113"/>
              <a:gd name="connsiteY13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195620 w 1746113"/>
              <a:gd name="connsiteY6" fmla="*/ 1611249 h 1746083"/>
              <a:gd name="connsiteX7" fmla="*/ 1139055 w 1746113"/>
              <a:gd name="connsiteY7" fmla="*/ 1657427 h 1746083"/>
              <a:gd name="connsiteX8" fmla="*/ 461244 w 1746113"/>
              <a:gd name="connsiteY8" fmla="*/ 1588472 h 1746083"/>
              <a:gd name="connsiteX9" fmla="*/ 157597 w 1746113"/>
              <a:gd name="connsiteY9" fmla="*/ 1284811 h 1746083"/>
              <a:gd name="connsiteX10" fmla="*/ 157597 w 1746113"/>
              <a:gd name="connsiteY10" fmla="*/ 522623 h 1746083"/>
              <a:gd name="connsiteX11" fmla="*/ 522594 w 1746113"/>
              <a:gd name="connsiteY11" fmla="*/ 157611 h 1746083"/>
              <a:gd name="connsiteX12" fmla="*/ 903732 w 1746113"/>
              <a:gd name="connsiteY12" fmla="*/ 0 h 17460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1746113" h="1746083">
                <a:moveTo>
                  <a:pt x="903732" y="0"/>
                </a:moveTo>
                <a:cubicBezTo>
                  <a:pt x="1041769" y="0"/>
                  <a:pt x="1179806" y="52537"/>
                  <a:pt x="1284870" y="157611"/>
                </a:cubicBezTo>
                <a:lnTo>
                  <a:pt x="1588517" y="461273"/>
                </a:lnTo>
                <a:cubicBezTo>
                  <a:pt x="1772380" y="645153"/>
                  <a:pt x="1795363" y="929986"/>
                  <a:pt x="1657466" y="1139027"/>
                </a:cubicBezTo>
                <a:lnTo>
                  <a:pt x="1635617" y="1165782"/>
                </a:lnTo>
                <a:lnTo>
                  <a:pt x="1635295" y="1165559"/>
                </a:lnTo>
                <a:lnTo>
                  <a:pt x="1195620" y="1611249"/>
                </a:lnTo>
                <a:lnTo>
                  <a:pt x="1139055" y="1657427"/>
                </a:lnTo>
                <a:cubicBezTo>
                  <a:pt x="929948" y="1795337"/>
                  <a:pt x="645107" y="1772352"/>
                  <a:pt x="461244" y="1588472"/>
                </a:cubicBezTo>
                <a:lnTo>
                  <a:pt x="157597" y="1284811"/>
                </a:lnTo>
                <a:cubicBezTo>
                  <a:pt x="-52532" y="1074777"/>
                  <a:pt x="-52532" y="732771"/>
                  <a:pt x="157597" y="522623"/>
                </a:cubicBezTo>
                <a:lnTo>
                  <a:pt x="522594" y="157611"/>
                </a:lnTo>
                <a:cubicBezTo>
                  <a:pt x="627658" y="52537"/>
                  <a:pt x="765695" y="0"/>
                  <a:pt x="903732" y="0"/>
                </a:cubicBezTo>
                <a:close/>
              </a:path>
            </a:pathLst>
          </a:custGeom>
          <a:solidFill>
            <a:srgbClr val="F1EFF0"/>
          </a:solidFill>
          <a:ln w="12700">
            <a:miter lim="400000"/>
          </a:ln>
        </p:spPr>
        <p:txBody>
          <a:bodyPr wrap="square" lIns="28575" tIns="28575" rIns="28575" bIns="28575" anchor="ctr">
            <a:noAutofit/>
          </a:bodyPr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9" name="Freeform: Shape 8">
            <a:extLst>
              <a:ext uri="{FF2B5EF4-FFF2-40B4-BE49-F238E27FC236}">
                <a16:creationId xmlns:a16="http://schemas.microsoft.com/office/drawing/2014/main" id="{D9523793-D573-4DB2-AB71-7700F71A39FD}"/>
              </a:ext>
            </a:extLst>
          </p:cNvPr>
          <p:cNvSpPr/>
          <p:nvPr/>
        </p:nvSpPr>
        <p:spPr>
          <a:xfrm rot="5400000">
            <a:off x="6180433" y="1641315"/>
            <a:ext cx="1787690" cy="1787683"/>
          </a:xfrm>
          <a:custGeom>
            <a:avLst/>
            <a:gdLst>
              <a:gd name="connsiteX0" fmla="*/ 903732 w 2383587"/>
              <a:gd name="connsiteY0" fmla="*/ 0 h 2383577"/>
              <a:gd name="connsiteX1" fmla="*/ 1284870 w 2383587"/>
              <a:gd name="connsiteY1" fmla="*/ 157611 h 2383577"/>
              <a:gd name="connsiteX2" fmla="*/ 1588517 w 2383587"/>
              <a:gd name="connsiteY2" fmla="*/ 461273 h 2383577"/>
              <a:gd name="connsiteX3" fmla="*/ 1588517 w 2383587"/>
              <a:gd name="connsiteY3" fmla="*/ 1223460 h 2383577"/>
              <a:gd name="connsiteX4" fmla="*/ 1588517 w 2383587"/>
              <a:gd name="connsiteY4" fmla="*/ 1545550 h 2383577"/>
              <a:gd name="connsiteX5" fmla="*/ 1593112 w 2383587"/>
              <a:gd name="connsiteY5" fmla="*/ 1550128 h 2383577"/>
              <a:gd name="connsiteX6" fmla="*/ 1832422 w 2383587"/>
              <a:gd name="connsiteY6" fmla="*/ 1602322 h 2383577"/>
              <a:gd name="connsiteX7" fmla="*/ 2264973 w 2383587"/>
              <a:gd name="connsiteY7" fmla="*/ 1692860 h 2383577"/>
              <a:gd name="connsiteX8" fmla="*/ 2246476 w 2383587"/>
              <a:gd name="connsiteY8" fmla="*/ 2283243 h 2383577"/>
              <a:gd name="connsiteX9" fmla="*/ 1703634 w 2383587"/>
              <a:gd name="connsiteY9" fmla="*/ 2275574 h 2383577"/>
              <a:gd name="connsiteX10" fmla="*/ 1602303 w 2383587"/>
              <a:gd name="connsiteY10" fmla="*/ 1832386 h 2383577"/>
              <a:gd name="connsiteX11" fmla="*/ 1550260 w 2383587"/>
              <a:gd name="connsiteY11" fmla="*/ 1593165 h 2383577"/>
              <a:gd name="connsiteX12" fmla="*/ 1545549 w 2383587"/>
              <a:gd name="connsiteY12" fmla="*/ 1588472 h 2383577"/>
              <a:gd name="connsiteX13" fmla="*/ 1223520 w 2383587"/>
              <a:gd name="connsiteY13" fmla="*/ 1588472 h 2383577"/>
              <a:gd name="connsiteX14" fmla="*/ 461244 w 2383587"/>
              <a:gd name="connsiteY14" fmla="*/ 1588472 h 2383577"/>
              <a:gd name="connsiteX15" fmla="*/ 157597 w 2383587"/>
              <a:gd name="connsiteY15" fmla="*/ 1284811 h 2383577"/>
              <a:gd name="connsiteX16" fmla="*/ 157597 w 2383587"/>
              <a:gd name="connsiteY16" fmla="*/ 522623 h 2383577"/>
              <a:gd name="connsiteX17" fmla="*/ 522594 w 2383587"/>
              <a:gd name="connsiteY17" fmla="*/ 157611 h 2383577"/>
              <a:gd name="connsiteX18" fmla="*/ 903732 w 2383587"/>
              <a:gd name="connsiteY18" fmla="*/ 0 h 2383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2383587" h="2383577">
                <a:moveTo>
                  <a:pt x="903732" y="0"/>
                </a:moveTo>
                <a:cubicBezTo>
                  <a:pt x="1041769" y="0"/>
                  <a:pt x="1179806" y="52537"/>
                  <a:pt x="1284870" y="157611"/>
                </a:cubicBezTo>
                <a:lnTo>
                  <a:pt x="1588517" y="461273"/>
                </a:lnTo>
                <a:cubicBezTo>
                  <a:pt x="1798646" y="671421"/>
                  <a:pt x="1798646" y="1013427"/>
                  <a:pt x="1588517" y="1223460"/>
                </a:cubicBezTo>
                <a:cubicBezTo>
                  <a:pt x="1499594" y="1312510"/>
                  <a:pt x="1499594" y="1456615"/>
                  <a:pt x="1588517" y="1545550"/>
                </a:cubicBezTo>
                <a:lnTo>
                  <a:pt x="1593112" y="1550128"/>
                </a:lnTo>
                <a:cubicBezTo>
                  <a:pt x="1656071" y="1613081"/>
                  <a:pt x="1749589" y="1634485"/>
                  <a:pt x="1832422" y="1602322"/>
                </a:cubicBezTo>
                <a:cubicBezTo>
                  <a:pt x="1976606" y="1545550"/>
                  <a:pt x="2148362" y="1576225"/>
                  <a:pt x="2264973" y="1692860"/>
                </a:cubicBezTo>
                <a:cubicBezTo>
                  <a:pt x="2429031" y="1856880"/>
                  <a:pt x="2422942" y="2126891"/>
                  <a:pt x="2246476" y="2283243"/>
                </a:cubicBezTo>
                <a:cubicBezTo>
                  <a:pt x="2091608" y="2419793"/>
                  <a:pt x="1853906" y="2416703"/>
                  <a:pt x="1703634" y="2275574"/>
                </a:cubicBezTo>
                <a:cubicBezTo>
                  <a:pt x="1577833" y="2157566"/>
                  <a:pt x="1544056" y="1981184"/>
                  <a:pt x="1602303" y="1832386"/>
                </a:cubicBezTo>
                <a:cubicBezTo>
                  <a:pt x="1634587" y="1749517"/>
                  <a:pt x="1613103" y="1656004"/>
                  <a:pt x="1550260" y="1593165"/>
                </a:cubicBezTo>
                <a:lnTo>
                  <a:pt x="1545549" y="1588472"/>
                </a:lnTo>
                <a:cubicBezTo>
                  <a:pt x="1456627" y="1499537"/>
                  <a:pt x="1312443" y="1499537"/>
                  <a:pt x="1223520" y="1588472"/>
                </a:cubicBezTo>
                <a:cubicBezTo>
                  <a:pt x="1013392" y="1798620"/>
                  <a:pt x="671373" y="1798620"/>
                  <a:pt x="461244" y="1588472"/>
                </a:cubicBezTo>
                <a:lnTo>
                  <a:pt x="157597" y="1284811"/>
                </a:lnTo>
                <a:cubicBezTo>
                  <a:pt x="-52532" y="1074777"/>
                  <a:pt x="-52532" y="732771"/>
                  <a:pt x="157597" y="522623"/>
                </a:cubicBezTo>
                <a:lnTo>
                  <a:pt x="522594" y="157611"/>
                </a:lnTo>
                <a:cubicBezTo>
                  <a:pt x="627658" y="52537"/>
                  <a:pt x="765695" y="0"/>
                  <a:pt x="903732" y="0"/>
                </a:cubicBezTo>
                <a:close/>
              </a:path>
            </a:pathLst>
          </a:custGeom>
          <a:solidFill>
            <a:schemeClr val="accent3"/>
          </a:solidFill>
          <a:ln w="12700">
            <a:miter lim="400000"/>
          </a:ln>
        </p:spPr>
        <p:txBody>
          <a:bodyPr wrap="square" lIns="28575" tIns="28575" rIns="28575" bIns="28575" anchor="ctr">
            <a:noAutofit/>
          </a:bodyPr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DC2C5B54-87F5-429A-868C-9AE439C6CE37}"/>
              </a:ext>
            </a:extLst>
          </p:cNvPr>
          <p:cNvSpPr/>
          <p:nvPr/>
        </p:nvSpPr>
        <p:spPr>
          <a:xfrm rot="5400000">
            <a:off x="6833078" y="1815830"/>
            <a:ext cx="960521" cy="960505"/>
          </a:xfrm>
          <a:custGeom>
            <a:avLst/>
            <a:gdLst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203974 w 1746113"/>
              <a:gd name="connsiteY7" fmla="*/ 993030 h 1746083"/>
              <a:gd name="connsiteX8" fmla="*/ 1143589 w 1746113"/>
              <a:gd name="connsiteY8" fmla="*/ 1381219 h 1746083"/>
              <a:gd name="connsiteX9" fmla="*/ 1195620 w 1746113"/>
              <a:gd name="connsiteY9" fmla="*/ 1611249 h 1746083"/>
              <a:gd name="connsiteX10" fmla="*/ 1139055 w 1746113"/>
              <a:gd name="connsiteY10" fmla="*/ 1657427 h 1746083"/>
              <a:gd name="connsiteX11" fmla="*/ 461244 w 1746113"/>
              <a:gd name="connsiteY11" fmla="*/ 1588472 h 1746083"/>
              <a:gd name="connsiteX12" fmla="*/ 157597 w 1746113"/>
              <a:gd name="connsiteY12" fmla="*/ 1284811 h 1746083"/>
              <a:gd name="connsiteX13" fmla="*/ 157597 w 1746113"/>
              <a:gd name="connsiteY13" fmla="*/ 522623 h 1746083"/>
              <a:gd name="connsiteX14" fmla="*/ 522594 w 1746113"/>
              <a:gd name="connsiteY14" fmla="*/ 157611 h 1746083"/>
              <a:gd name="connsiteX15" fmla="*/ 903732 w 1746113"/>
              <a:gd name="connsiteY15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203974 w 1746113"/>
              <a:gd name="connsiteY7" fmla="*/ 993030 h 1746083"/>
              <a:gd name="connsiteX8" fmla="*/ 1195620 w 1746113"/>
              <a:gd name="connsiteY8" fmla="*/ 1611249 h 1746083"/>
              <a:gd name="connsiteX9" fmla="*/ 1139055 w 1746113"/>
              <a:gd name="connsiteY9" fmla="*/ 1657427 h 1746083"/>
              <a:gd name="connsiteX10" fmla="*/ 461244 w 1746113"/>
              <a:gd name="connsiteY10" fmla="*/ 1588472 h 1746083"/>
              <a:gd name="connsiteX11" fmla="*/ 157597 w 1746113"/>
              <a:gd name="connsiteY11" fmla="*/ 1284811 h 1746083"/>
              <a:gd name="connsiteX12" fmla="*/ 157597 w 1746113"/>
              <a:gd name="connsiteY12" fmla="*/ 522623 h 1746083"/>
              <a:gd name="connsiteX13" fmla="*/ 522594 w 1746113"/>
              <a:gd name="connsiteY13" fmla="*/ 157611 h 1746083"/>
              <a:gd name="connsiteX14" fmla="*/ 903732 w 1746113"/>
              <a:gd name="connsiteY14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195620 w 1746113"/>
              <a:gd name="connsiteY7" fmla="*/ 1611249 h 1746083"/>
              <a:gd name="connsiteX8" fmla="*/ 1139055 w 1746113"/>
              <a:gd name="connsiteY8" fmla="*/ 1657427 h 1746083"/>
              <a:gd name="connsiteX9" fmla="*/ 461244 w 1746113"/>
              <a:gd name="connsiteY9" fmla="*/ 1588472 h 1746083"/>
              <a:gd name="connsiteX10" fmla="*/ 157597 w 1746113"/>
              <a:gd name="connsiteY10" fmla="*/ 1284811 h 1746083"/>
              <a:gd name="connsiteX11" fmla="*/ 157597 w 1746113"/>
              <a:gd name="connsiteY11" fmla="*/ 522623 h 1746083"/>
              <a:gd name="connsiteX12" fmla="*/ 522594 w 1746113"/>
              <a:gd name="connsiteY12" fmla="*/ 157611 h 1746083"/>
              <a:gd name="connsiteX13" fmla="*/ 903732 w 1746113"/>
              <a:gd name="connsiteY13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195620 w 1746113"/>
              <a:gd name="connsiteY6" fmla="*/ 1611249 h 1746083"/>
              <a:gd name="connsiteX7" fmla="*/ 1139055 w 1746113"/>
              <a:gd name="connsiteY7" fmla="*/ 1657427 h 1746083"/>
              <a:gd name="connsiteX8" fmla="*/ 461244 w 1746113"/>
              <a:gd name="connsiteY8" fmla="*/ 1588472 h 1746083"/>
              <a:gd name="connsiteX9" fmla="*/ 157597 w 1746113"/>
              <a:gd name="connsiteY9" fmla="*/ 1284811 h 1746083"/>
              <a:gd name="connsiteX10" fmla="*/ 157597 w 1746113"/>
              <a:gd name="connsiteY10" fmla="*/ 522623 h 1746083"/>
              <a:gd name="connsiteX11" fmla="*/ 522594 w 1746113"/>
              <a:gd name="connsiteY11" fmla="*/ 157611 h 1746083"/>
              <a:gd name="connsiteX12" fmla="*/ 903732 w 1746113"/>
              <a:gd name="connsiteY12" fmla="*/ 0 h 17460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1746113" h="1746083">
                <a:moveTo>
                  <a:pt x="903732" y="0"/>
                </a:moveTo>
                <a:cubicBezTo>
                  <a:pt x="1041769" y="0"/>
                  <a:pt x="1179806" y="52537"/>
                  <a:pt x="1284870" y="157611"/>
                </a:cubicBezTo>
                <a:lnTo>
                  <a:pt x="1588517" y="461273"/>
                </a:lnTo>
                <a:cubicBezTo>
                  <a:pt x="1772380" y="645153"/>
                  <a:pt x="1795363" y="929986"/>
                  <a:pt x="1657466" y="1139027"/>
                </a:cubicBezTo>
                <a:lnTo>
                  <a:pt x="1635617" y="1165782"/>
                </a:lnTo>
                <a:lnTo>
                  <a:pt x="1635295" y="1165559"/>
                </a:lnTo>
                <a:lnTo>
                  <a:pt x="1195620" y="1611249"/>
                </a:lnTo>
                <a:lnTo>
                  <a:pt x="1139055" y="1657427"/>
                </a:lnTo>
                <a:cubicBezTo>
                  <a:pt x="929948" y="1795337"/>
                  <a:pt x="645107" y="1772352"/>
                  <a:pt x="461244" y="1588472"/>
                </a:cubicBezTo>
                <a:lnTo>
                  <a:pt x="157597" y="1284811"/>
                </a:lnTo>
                <a:cubicBezTo>
                  <a:pt x="-52532" y="1074777"/>
                  <a:pt x="-52532" y="732771"/>
                  <a:pt x="157597" y="522623"/>
                </a:cubicBezTo>
                <a:lnTo>
                  <a:pt x="522594" y="157611"/>
                </a:lnTo>
                <a:cubicBezTo>
                  <a:pt x="627658" y="52537"/>
                  <a:pt x="765695" y="0"/>
                  <a:pt x="903732" y="0"/>
                </a:cubicBezTo>
                <a:close/>
              </a:path>
            </a:pathLst>
          </a:custGeom>
          <a:solidFill>
            <a:srgbClr val="F1EFF0"/>
          </a:solidFill>
          <a:ln w="12700">
            <a:miter lim="400000"/>
          </a:ln>
        </p:spPr>
        <p:txBody>
          <a:bodyPr wrap="square" lIns="28575" tIns="28575" rIns="28575" bIns="28575" anchor="ctr">
            <a:noAutofit/>
          </a:bodyPr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D0BC05D2-4FFF-4886-A739-C8262C2CF004}"/>
              </a:ext>
            </a:extLst>
          </p:cNvPr>
          <p:cNvSpPr/>
          <p:nvPr/>
        </p:nvSpPr>
        <p:spPr>
          <a:xfrm rot="10800000">
            <a:off x="6180436" y="3562238"/>
            <a:ext cx="1787690" cy="1787683"/>
          </a:xfrm>
          <a:custGeom>
            <a:avLst/>
            <a:gdLst>
              <a:gd name="connsiteX0" fmla="*/ 903732 w 2383587"/>
              <a:gd name="connsiteY0" fmla="*/ 0 h 2383577"/>
              <a:gd name="connsiteX1" fmla="*/ 1284870 w 2383587"/>
              <a:gd name="connsiteY1" fmla="*/ 157611 h 2383577"/>
              <a:gd name="connsiteX2" fmla="*/ 1588517 w 2383587"/>
              <a:gd name="connsiteY2" fmla="*/ 461273 h 2383577"/>
              <a:gd name="connsiteX3" fmla="*/ 1588517 w 2383587"/>
              <a:gd name="connsiteY3" fmla="*/ 1223460 h 2383577"/>
              <a:gd name="connsiteX4" fmla="*/ 1588517 w 2383587"/>
              <a:gd name="connsiteY4" fmla="*/ 1545550 h 2383577"/>
              <a:gd name="connsiteX5" fmla="*/ 1593112 w 2383587"/>
              <a:gd name="connsiteY5" fmla="*/ 1550128 h 2383577"/>
              <a:gd name="connsiteX6" fmla="*/ 1832422 w 2383587"/>
              <a:gd name="connsiteY6" fmla="*/ 1602322 h 2383577"/>
              <a:gd name="connsiteX7" fmla="*/ 2264973 w 2383587"/>
              <a:gd name="connsiteY7" fmla="*/ 1692860 h 2383577"/>
              <a:gd name="connsiteX8" fmla="*/ 2246476 w 2383587"/>
              <a:gd name="connsiteY8" fmla="*/ 2283243 h 2383577"/>
              <a:gd name="connsiteX9" fmla="*/ 1703634 w 2383587"/>
              <a:gd name="connsiteY9" fmla="*/ 2275574 h 2383577"/>
              <a:gd name="connsiteX10" fmla="*/ 1602303 w 2383587"/>
              <a:gd name="connsiteY10" fmla="*/ 1832386 h 2383577"/>
              <a:gd name="connsiteX11" fmla="*/ 1550260 w 2383587"/>
              <a:gd name="connsiteY11" fmla="*/ 1593165 h 2383577"/>
              <a:gd name="connsiteX12" fmla="*/ 1545549 w 2383587"/>
              <a:gd name="connsiteY12" fmla="*/ 1588472 h 2383577"/>
              <a:gd name="connsiteX13" fmla="*/ 1223520 w 2383587"/>
              <a:gd name="connsiteY13" fmla="*/ 1588472 h 2383577"/>
              <a:gd name="connsiteX14" fmla="*/ 461244 w 2383587"/>
              <a:gd name="connsiteY14" fmla="*/ 1588472 h 2383577"/>
              <a:gd name="connsiteX15" fmla="*/ 157597 w 2383587"/>
              <a:gd name="connsiteY15" fmla="*/ 1284811 h 2383577"/>
              <a:gd name="connsiteX16" fmla="*/ 157597 w 2383587"/>
              <a:gd name="connsiteY16" fmla="*/ 522623 h 2383577"/>
              <a:gd name="connsiteX17" fmla="*/ 522594 w 2383587"/>
              <a:gd name="connsiteY17" fmla="*/ 157611 h 2383577"/>
              <a:gd name="connsiteX18" fmla="*/ 903732 w 2383587"/>
              <a:gd name="connsiteY18" fmla="*/ 0 h 2383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2383587" h="2383577">
                <a:moveTo>
                  <a:pt x="903732" y="0"/>
                </a:moveTo>
                <a:cubicBezTo>
                  <a:pt x="1041769" y="0"/>
                  <a:pt x="1179806" y="52537"/>
                  <a:pt x="1284870" y="157611"/>
                </a:cubicBezTo>
                <a:lnTo>
                  <a:pt x="1588517" y="461273"/>
                </a:lnTo>
                <a:cubicBezTo>
                  <a:pt x="1798646" y="671421"/>
                  <a:pt x="1798646" y="1013427"/>
                  <a:pt x="1588517" y="1223460"/>
                </a:cubicBezTo>
                <a:cubicBezTo>
                  <a:pt x="1499594" y="1312510"/>
                  <a:pt x="1499594" y="1456615"/>
                  <a:pt x="1588517" y="1545550"/>
                </a:cubicBezTo>
                <a:lnTo>
                  <a:pt x="1593112" y="1550128"/>
                </a:lnTo>
                <a:cubicBezTo>
                  <a:pt x="1656071" y="1613081"/>
                  <a:pt x="1749589" y="1634485"/>
                  <a:pt x="1832422" y="1602322"/>
                </a:cubicBezTo>
                <a:cubicBezTo>
                  <a:pt x="1976606" y="1545550"/>
                  <a:pt x="2148362" y="1576225"/>
                  <a:pt x="2264973" y="1692860"/>
                </a:cubicBezTo>
                <a:cubicBezTo>
                  <a:pt x="2429031" y="1856880"/>
                  <a:pt x="2422942" y="2126891"/>
                  <a:pt x="2246476" y="2283243"/>
                </a:cubicBezTo>
                <a:cubicBezTo>
                  <a:pt x="2091608" y="2419793"/>
                  <a:pt x="1853906" y="2416703"/>
                  <a:pt x="1703634" y="2275574"/>
                </a:cubicBezTo>
                <a:cubicBezTo>
                  <a:pt x="1577833" y="2157566"/>
                  <a:pt x="1544056" y="1981184"/>
                  <a:pt x="1602303" y="1832386"/>
                </a:cubicBezTo>
                <a:cubicBezTo>
                  <a:pt x="1634587" y="1749517"/>
                  <a:pt x="1613103" y="1656004"/>
                  <a:pt x="1550260" y="1593165"/>
                </a:cubicBezTo>
                <a:lnTo>
                  <a:pt x="1545549" y="1588472"/>
                </a:lnTo>
                <a:cubicBezTo>
                  <a:pt x="1456627" y="1499537"/>
                  <a:pt x="1312443" y="1499537"/>
                  <a:pt x="1223520" y="1588472"/>
                </a:cubicBezTo>
                <a:cubicBezTo>
                  <a:pt x="1013392" y="1798620"/>
                  <a:pt x="671373" y="1798620"/>
                  <a:pt x="461244" y="1588472"/>
                </a:cubicBezTo>
                <a:lnTo>
                  <a:pt x="157597" y="1284811"/>
                </a:lnTo>
                <a:cubicBezTo>
                  <a:pt x="-52532" y="1074777"/>
                  <a:pt x="-52532" y="732771"/>
                  <a:pt x="157597" y="522623"/>
                </a:cubicBezTo>
                <a:lnTo>
                  <a:pt x="522594" y="157611"/>
                </a:lnTo>
                <a:cubicBezTo>
                  <a:pt x="627658" y="52537"/>
                  <a:pt x="765695" y="0"/>
                  <a:pt x="903732" y="0"/>
                </a:cubicBezTo>
                <a:close/>
              </a:path>
            </a:pathLst>
          </a:custGeom>
          <a:solidFill>
            <a:schemeClr val="accent6"/>
          </a:solidFill>
          <a:ln w="12700">
            <a:miter lim="400000"/>
          </a:ln>
        </p:spPr>
        <p:txBody>
          <a:bodyPr wrap="square" lIns="28575" tIns="28575" rIns="28575" bIns="28575" anchor="ctr">
            <a:noAutofit/>
          </a:bodyPr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9E425AD3-7FF4-4CB0-AD7C-A1255ECBAC63}"/>
              </a:ext>
            </a:extLst>
          </p:cNvPr>
          <p:cNvSpPr/>
          <p:nvPr/>
        </p:nvSpPr>
        <p:spPr>
          <a:xfrm rot="10800000">
            <a:off x="6833096" y="4214887"/>
            <a:ext cx="960521" cy="960505"/>
          </a:xfrm>
          <a:custGeom>
            <a:avLst/>
            <a:gdLst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203974 w 1746113"/>
              <a:gd name="connsiteY7" fmla="*/ 993030 h 1746083"/>
              <a:gd name="connsiteX8" fmla="*/ 1143589 w 1746113"/>
              <a:gd name="connsiteY8" fmla="*/ 1381219 h 1746083"/>
              <a:gd name="connsiteX9" fmla="*/ 1195620 w 1746113"/>
              <a:gd name="connsiteY9" fmla="*/ 1611249 h 1746083"/>
              <a:gd name="connsiteX10" fmla="*/ 1139055 w 1746113"/>
              <a:gd name="connsiteY10" fmla="*/ 1657427 h 1746083"/>
              <a:gd name="connsiteX11" fmla="*/ 461244 w 1746113"/>
              <a:gd name="connsiteY11" fmla="*/ 1588472 h 1746083"/>
              <a:gd name="connsiteX12" fmla="*/ 157597 w 1746113"/>
              <a:gd name="connsiteY12" fmla="*/ 1284811 h 1746083"/>
              <a:gd name="connsiteX13" fmla="*/ 157597 w 1746113"/>
              <a:gd name="connsiteY13" fmla="*/ 522623 h 1746083"/>
              <a:gd name="connsiteX14" fmla="*/ 522594 w 1746113"/>
              <a:gd name="connsiteY14" fmla="*/ 157611 h 1746083"/>
              <a:gd name="connsiteX15" fmla="*/ 903732 w 1746113"/>
              <a:gd name="connsiteY15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203974 w 1746113"/>
              <a:gd name="connsiteY7" fmla="*/ 993030 h 1746083"/>
              <a:gd name="connsiteX8" fmla="*/ 1195620 w 1746113"/>
              <a:gd name="connsiteY8" fmla="*/ 1611249 h 1746083"/>
              <a:gd name="connsiteX9" fmla="*/ 1139055 w 1746113"/>
              <a:gd name="connsiteY9" fmla="*/ 1657427 h 1746083"/>
              <a:gd name="connsiteX10" fmla="*/ 461244 w 1746113"/>
              <a:gd name="connsiteY10" fmla="*/ 1588472 h 1746083"/>
              <a:gd name="connsiteX11" fmla="*/ 157597 w 1746113"/>
              <a:gd name="connsiteY11" fmla="*/ 1284811 h 1746083"/>
              <a:gd name="connsiteX12" fmla="*/ 157597 w 1746113"/>
              <a:gd name="connsiteY12" fmla="*/ 522623 h 1746083"/>
              <a:gd name="connsiteX13" fmla="*/ 522594 w 1746113"/>
              <a:gd name="connsiteY13" fmla="*/ 157611 h 1746083"/>
              <a:gd name="connsiteX14" fmla="*/ 903732 w 1746113"/>
              <a:gd name="connsiteY14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195620 w 1746113"/>
              <a:gd name="connsiteY7" fmla="*/ 1611249 h 1746083"/>
              <a:gd name="connsiteX8" fmla="*/ 1139055 w 1746113"/>
              <a:gd name="connsiteY8" fmla="*/ 1657427 h 1746083"/>
              <a:gd name="connsiteX9" fmla="*/ 461244 w 1746113"/>
              <a:gd name="connsiteY9" fmla="*/ 1588472 h 1746083"/>
              <a:gd name="connsiteX10" fmla="*/ 157597 w 1746113"/>
              <a:gd name="connsiteY10" fmla="*/ 1284811 h 1746083"/>
              <a:gd name="connsiteX11" fmla="*/ 157597 w 1746113"/>
              <a:gd name="connsiteY11" fmla="*/ 522623 h 1746083"/>
              <a:gd name="connsiteX12" fmla="*/ 522594 w 1746113"/>
              <a:gd name="connsiteY12" fmla="*/ 157611 h 1746083"/>
              <a:gd name="connsiteX13" fmla="*/ 903732 w 1746113"/>
              <a:gd name="connsiteY13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195620 w 1746113"/>
              <a:gd name="connsiteY6" fmla="*/ 1611249 h 1746083"/>
              <a:gd name="connsiteX7" fmla="*/ 1139055 w 1746113"/>
              <a:gd name="connsiteY7" fmla="*/ 1657427 h 1746083"/>
              <a:gd name="connsiteX8" fmla="*/ 461244 w 1746113"/>
              <a:gd name="connsiteY8" fmla="*/ 1588472 h 1746083"/>
              <a:gd name="connsiteX9" fmla="*/ 157597 w 1746113"/>
              <a:gd name="connsiteY9" fmla="*/ 1284811 h 1746083"/>
              <a:gd name="connsiteX10" fmla="*/ 157597 w 1746113"/>
              <a:gd name="connsiteY10" fmla="*/ 522623 h 1746083"/>
              <a:gd name="connsiteX11" fmla="*/ 522594 w 1746113"/>
              <a:gd name="connsiteY11" fmla="*/ 157611 h 1746083"/>
              <a:gd name="connsiteX12" fmla="*/ 903732 w 1746113"/>
              <a:gd name="connsiteY12" fmla="*/ 0 h 17460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1746113" h="1746083">
                <a:moveTo>
                  <a:pt x="903732" y="0"/>
                </a:moveTo>
                <a:cubicBezTo>
                  <a:pt x="1041769" y="0"/>
                  <a:pt x="1179806" y="52537"/>
                  <a:pt x="1284870" y="157611"/>
                </a:cubicBezTo>
                <a:lnTo>
                  <a:pt x="1588517" y="461273"/>
                </a:lnTo>
                <a:cubicBezTo>
                  <a:pt x="1772380" y="645153"/>
                  <a:pt x="1795363" y="929986"/>
                  <a:pt x="1657466" y="1139027"/>
                </a:cubicBezTo>
                <a:lnTo>
                  <a:pt x="1635617" y="1165782"/>
                </a:lnTo>
                <a:lnTo>
                  <a:pt x="1635295" y="1165559"/>
                </a:lnTo>
                <a:lnTo>
                  <a:pt x="1195620" y="1611249"/>
                </a:lnTo>
                <a:lnTo>
                  <a:pt x="1139055" y="1657427"/>
                </a:lnTo>
                <a:cubicBezTo>
                  <a:pt x="929948" y="1795337"/>
                  <a:pt x="645107" y="1772352"/>
                  <a:pt x="461244" y="1588472"/>
                </a:cubicBezTo>
                <a:lnTo>
                  <a:pt x="157597" y="1284811"/>
                </a:lnTo>
                <a:cubicBezTo>
                  <a:pt x="-52532" y="1074777"/>
                  <a:pt x="-52532" y="732771"/>
                  <a:pt x="157597" y="522623"/>
                </a:cubicBezTo>
                <a:lnTo>
                  <a:pt x="522594" y="157611"/>
                </a:lnTo>
                <a:cubicBezTo>
                  <a:pt x="627658" y="52537"/>
                  <a:pt x="765695" y="0"/>
                  <a:pt x="903732" y="0"/>
                </a:cubicBezTo>
                <a:close/>
              </a:path>
            </a:pathLst>
          </a:custGeom>
          <a:solidFill>
            <a:srgbClr val="F1EFF0"/>
          </a:solidFill>
          <a:ln w="12700">
            <a:miter lim="400000"/>
          </a:ln>
        </p:spPr>
        <p:txBody>
          <a:bodyPr wrap="square" lIns="28575" tIns="28575" rIns="28575" bIns="28575" anchor="ctr">
            <a:noAutofit/>
          </a:bodyPr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AD57C836-63A2-49A6-BD2F-B0712B73D405}"/>
              </a:ext>
            </a:extLst>
          </p:cNvPr>
          <p:cNvSpPr/>
          <p:nvPr/>
        </p:nvSpPr>
        <p:spPr>
          <a:xfrm rot="16200000">
            <a:off x="4218174" y="3562235"/>
            <a:ext cx="1787690" cy="1787683"/>
          </a:xfrm>
          <a:custGeom>
            <a:avLst/>
            <a:gdLst>
              <a:gd name="connsiteX0" fmla="*/ 903732 w 2383587"/>
              <a:gd name="connsiteY0" fmla="*/ 0 h 2383577"/>
              <a:gd name="connsiteX1" fmla="*/ 1284870 w 2383587"/>
              <a:gd name="connsiteY1" fmla="*/ 157611 h 2383577"/>
              <a:gd name="connsiteX2" fmla="*/ 1588517 w 2383587"/>
              <a:gd name="connsiteY2" fmla="*/ 461273 h 2383577"/>
              <a:gd name="connsiteX3" fmla="*/ 1588517 w 2383587"/>
              <a:gd name="connsiteY3" fmla="*/ 1223460 h 2383577"/>
              <a:gd name="connsiteX4" fmla="*/ 1588517 w 2383587"/>
              <a:gd name="connsiteY4" fmla="*/ 1545550 h 2383577"/>
              <a:gd name="connsiteX5" fmla="*/ 1593112 w 2383587"/>
              <a:gd name="connsiteY5" fmla="*/ 1550128 h 2383577"/>
              <a:gd name="connsiteX6" fmla="*/ 1832422 w 2383587"/>
              <a:gd name="connsiteY6" fmla="*/ 1602322 h 2383577"/>
              <a:gd name="connsiteX7" fmla="*/ 2264973 w 2383587"/>
              <a:gd name="connsiteY7" fmla="*/ 1692860 h 2383577"/>
              <a:gd name="connsiteX8" fmla="*/ 2246476 w 2383587"/>
              <a:gd name="connsiteY8" fmla="*/ 2283243 h 2383577"/>
              <a:gd name="connsiteX9" fmla="*/ 1703634 w 2383587"/>
              <a:gd name="connsiteY9" fmla="*/ 2275574 h 2383577"/>
              <a:gd name="connsiteX10" fmla="*/ 1602303 w 2383587"/>
              <a:gd name="connsiteY10" fmla="*/ 1832386 h 2383577"/>
              <a:gd name="connsiteX11" fmla="*/ 1550260 w 2383587"/>
              <a:gd name="connsiteY11" fmla="*/ 1593165 h 2383577"/>
              <a:gd name="connsiteX12" fmla="*/ 1545549 w 2383587"/>
              <a:gd name="connsiteY12" fmla="*/ 1588472 h 2383577"/>
              <a:gd name="connsiteX13" fmla="*/ 1223520 w 2383587"/>
              <a:gd name="connsiteY13" fmla="*/ 1588472 h 2383577"/>
              <a:gd name="connsiteX14" fmla="*/ 461244 w 2383587"/>
              <a:gd name="connsiteY14" fmla="*/ 1588472 h 2383577"/>
              <a:gd name="connsiteX15" fmla="*/ 157597 w 2383587"/>
              <a:gd name="connsiteY15" fmla="*/ 1284811 h 2383577"/>
              <a:gd name="connsiteX16" fmla="*/ 157597 w 2383587"/>
              <a:gd name="connsiteY16" fmla="*/ 522623 h 2383577"/>
              <a:gd name="connsiteX17" fmla="*/ 522594 w 2383587"/>
              <a:gd name="connsiteY17" fmla="*/ 157611 h 2383577"/>
              <a:gd name="connsiteX18" fmla="*/ 903732 w 2383587"/>
              <a:gd name="connsiteY18" fmla="*/ 0 h 2383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2383587" h="2383577">
                <a:moveTo>
                  <a:pt x="903732" y="0"/>
                </a:moveTo>
                <a:cubicBezTo>
                  <a:pt x="1041769" y="0"/>
                  <a:pt x="1179806" y="52537"/>
                  <a:pt x="1284870" y="157611"/>
                </a:cubicBezTo>
                <a:lnTo>
                  <a:pt x="1588517" y="461273"/>
                </a:lnTo>
                <a:cubicBezTo>
                  <a:pt x="1798646" y="671421"/>
                  <a:pt x="1798646" y="1013427"/>
                  <a:pt x="1588517" y="1223460"/>
                </a:cubicBezTo>
                <a:cubicBezTo>
                  <a:pt x="1499594" y="1312510"/>
                  <a:pt x="1499594" y="1456615"/>
                  <a:pt x="1588517" y="1545550"/>
                </a:cubicBezTo>
                <a:lnTo>
                  <a:pt x="1593112" y="1550128"/>
                </a:lnTo>
                <a:cubicBezTo>
                  <a:pt x="1656071" y="1613081"/>
                  <a:pt x="1749589" y="1634485"/>
                  <a:pt x="1832422" y="1602322"/>
                </a:cubicBezTo>
                <a:cubicBezTo>
                  <a:pt x="1976606" y="1545550"/>
                  <a:pt x="2148362" y="1576225"/>
                  <a:pt x="2264973" y="1692860"/>
                </a:cubicBezTo>
                <a:cubicBezTo>
                  <a:pt x="2429031" y="1856880"/>
                  <a:pt x="2422942" y="2126891"/>
                  <a:pt x="2246476" y="2283243"/>
                </a:cubicBezTo>
                <a:cubicBezTo>
                  <a:pt x="2091608" y="2419793"/>
                  <a:pt x="1853906" y="2416703"/>
                  <a:pt x="1703634" y="2275574"/>
                </a:cubicBezTo>
                <a:cubicBezTo>
                  <a:pt x="1577833" y="2157566"/>
                  <a:pt x="1544056" y="1981184"/>
                  <a:pt x="1602303" y="1832386"/>
                </a:cubicBezTo>
                <a:cubicBezTo>
                  <a:pt x="1634587" y="1749517"/>
                  <a:pt x="1613103" y="1656004"/>
                  <a:pt x="1550260" y="1593165"/>
                </a:cubicBezTo>
                <a:lnTo>
                  <a:pt x="1545549" y="1588472"/>
                </a:lnTo>
                <a:cubicBezTo>
                  <a:pt x="1456627" y="1499537"/>
                  <a:pt x="1312443" y="1499537"/>
                  <a:pt x="1223520" y="1588472"/>
                </a:cubicBezTo>
                <a:cubicBezTo>
                  <a:pt x="1013392" y="1798620"/>
                  <a:pt x="671373" y="1798620"/>
                  <a:pt x="461244" y="1588472"/>
                </a:cubicBezTo>
                <a:lnTo>
                  <a:pt x="157597" y="1284811"/>
                </a:lnTo>
                <a:cubicBezTo>
                  <a:pt x="-52532" y="1074777"/>
                  <a:pt x="-52532" y="732771"/>
                  <a:pt x="157597" y="522623"/>
                </a:cubicBezTo>
                <a:lnTo>
                  <a:pt x="522594" y="157611"/>
                </a:lnTo>
                <a:cubicBezTo>
                  <a:pt x="627658" y="52537"/>
                  <a:pt x="765695" y="0"/>
                  <a:pt x="903732" y="0"/>
                </a:cubicBezTo>
                <a:close/>
              </a:path>
            </a:pathLst>
          </a:custGeom>
          <a:solidFill>
            <a:schemeClr val="accent4"/>
          </a:solidFill>
          <a:ln w="12700">
            <a:miter lim="400000"/>
          </a:ln>
        </p:spPr>
        <p:txBody>
          <a:bodyPr wrap="square" lIns="28575" tIns="28575" rIns="28575" bIns="28575" anchor="ctr">
            <a:noAutofit/>
          </a:bodyPr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22" name="Freeform: Shape 21">
            <a:extLst>
              <a:ext uri="{FF2B5EF4-FFF2-40B4-BE49-F238E27FC236}">
                <a16:creationId xmlns:a16="http://schemas.microsoft.com/office/drawing/2014/main" id="{5CC5A45E-0057-4348-B085-11F958F31072}"/>
              </a:ext>
            </a:extLst>
          </p:cNvPr>
          <p:cNvSpPr/>
          <p:nvPr/>
        </p:nvSpPr>
        <p:spPr>
          <a:xfrm rot="16200000">
            <a:off x="4392699" y="4214898"/>
            <a:ext cx="960521" cy="960505"/>
          </a:xfrm>
          <a:custGeom>
            <a:avLst/>
            <a:gdLst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203974 w 1746113"/>
              <a:gd name="connsiteY7" fmla="*/ 993030 h 1746083"/>
              <a:gd name="connsiteX8" fmla="*/ 1143589 w 1746113"/>
              <a:gd name="connsiteY8" fmla="*/ 1381219 h 1746083"/>
              <a:gd name="connsiteX9" fmla="*/ 1195620 w 1746113"/>
              <a:gd name="connsiteY9" fmla="*/ 1611249 h 1746083"/>
              <a:gd name="connsiteX10" fmla="*/ 1139055 w 1746113"/>
              <a:gd name="connsiteY10" fmla="*/ 1657427 h 1746083"/>
              <a:gd name="connsiteX11" fmla="*/ 461244 w 1746113"/>
              <a:gd name="connsiteY11" fmla="*/ 1588472 h 1746083"/>
              <a:gd name="connsiteX12" fmla="*/ 157597 w 1746113"/>
              <a:gd name="connsiteY12" fmla="*/ 1284811 h 1746083"/>
              <a:gd name="connsiteX13" fmla="*/ 157597 w 1746113"/>
              <a:gd name="connsiteY13" fmla="*/ 522623 h 1746083"/>
              <a:gd name="connsiteX14" fmla="*/ 522594 w 1746113"/>
              <a:gd name="connsiteY14" fmla="*/ 157611 h 1746083"/>
              <a:gd name="connsiteX15" fmla="*/ 903732 w 1746113"/>
              <a:gd name="connsiteY15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203974 w 1746113"/>
              <a:gd name="connsiteY7" fmla="*/ 993030 h 1746083"/>
              <a:gd name="connsiteX8" fmla="*/ 1195620 w 1746113"/>
              <a:gd name="connsiteY8" fmla="*/ 1611249 h 1746083"/>
              <a:gd name="connsiteX9" fmla="*/ 1139055 w 1746113"/>
              <a:gd name="connsiteY9" fmla="*/ 1657427 h 1746083"/>
              <a:gd name="connsiteX10" fmla="*/ 461244 w 1746113"/>
              <a:gd name="connsiteY10" fmla="*/ 1588472 h 1746083"/>
              <a:gd name="connsiteX11" fmla="*/ 157597 w 1746113"/>
              <a:gd name="connsiteY11" fmla="*/ 1284811 h 1746083"/>
              <a:gd name="connsiteX12" fmla="*/ 157597 w 1746113"/>
              <a:gd name="connsiteY12" fmla="*/ 522623 h 1746083"/>
              <a:gd name="connsiteX13" fmla="*/ 522594 w 1746113"/>
              <a:gd name="connsiteY13" fmla="*/ 157611 h 1746083"/>
              <a:gd name="connsiteX14" fmla="*/ 903732 w 1746113"/>
              <a:gd name="connsiteY14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445514 w 1746113"/>
              <a:gd name="connsiteY6" fmla="*/ 958525 h 1746083"/>
              <a:gd name="connsiteX7" fmla="*/ 1195620 w 1746113"/>
              <a:gd name="connsiteY7" fmla="*/ 1611249 h 1746083"/>
              <a:gd name="connsiteX8" fmla="*/ 1139055 w 1746113"/>
              <a:gd name="connsiteY8" fmla="*/ 1657427 h 1746083"/>
              <a:gd name="connsiteX9" fmla="*/ 461244 w 1746113"/>
              <a:gd name="connsiteY9" fmla="*/ 1588472 h 1746083"/>
              <a:gd name="connsiteX10" fmla="*/ 157597 w 1746113"/>
              <a:gd name="connsiteY10" fmla="*/ 1284811 h 1746083"/>
              <a:gd name="connsiteX11" fmla="*/ 157597 w 1746113"/>
              <a:gd name="connsiteY11" fmla="*/ 522623 h 1746083"/>
              <a:gd name="connsiteX12" fmla="*/ 522594 w 1746113"/>
              <a:gd name="connsiteY12" fmla="*/ 157611 h 1746083"/>
              <a:gd name="connsiteX13" fmla="*/ 903732 w 1746113"/>
              <a:gd name="connsiteY13" fmla="*/ 0 h 1746083"/>
              <a:gd name="connsiteX0" fmla="*/ 903732 w 1746113"/>
              <a:gd name="connsiteY0" fmla="*/ 0 h 1746083"/>
              <a:gd name="connsiteX1" fmla="*/ 1284870 w 1746113"/>
              <a:gd name="connsiteY1" fmla="*/ 157611 h 1746083"/>
              <a:gd name="connsiteX2" fmla="*/ 1588517 w 1746113"/>
              <a:gd name="connsiteY2" fmla="*/ 461273 h 1746083"/>
              <a:gd name="connsiteX3" fmla="*/ 1657466 w 1746113"/>
              <a:gd name="connsiteY3" fmla="*/ 1139027 h 1746083"/>
              <a:gd name="connsiteX4" fmla="*/ 1635617 w 1746113"/>
              <a:gd name="connsiteY4" fmla="*/ 1165782 h 1746083"/>
              <a:gd name="connsiteX5" fmla="*/ 1635295 w 1746113"/>
              <a:gd name="connsiteY5" fmla="*/ 1165559 h 1746083"/>
              <a:gd name="connsiteX6" fmla="*/ 1195620 w 1746113"/>
              <a:gd name="connsiteY6" fmla="*/ 1611249 h 1746083"/>
              <a:gd name="connsiteX7" fmla="*/ 1139055 w 1746113"/>
              <a:gd name="connsiteY7" fmla="*/ 1657427 h 1746083"/>
              <a:gd name="connsiteX8" fmla="*/ 461244 w 1746113"/>
              <a:gd name="connsiteY8" fmla="*/ 1588472 h 1746083"/>
              <a:gd name="connsiteX9" fmla="*/ 157597 w 1746113"/>
              <a:gd name="connsiteY9" fmla="*/ 1284811 h 1746083"/>
              <a:gd name="connsiteX10" fmla="*/ 157597 w 1746113"/>
              <a:gd name="connsiteY10" fmla="*/ 522623 h 1746083"/>
              <a:gd name="connsiteX11" fmla="*/ 522594 w 1746113"/>
              <a:gd name="connsiteY11" fmla="*/ 157611 h 1746083"/>
              <a:gd name="connsiteX12" fmla="*/ 903732 w 1746113"/>
              <a:gd name="connsiteY12" fmla="*/ 0 h 17460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1746113" h="1746083">
                <a:moveTo>
                  <a:pt x="903732" y="0"/>
                </a:moveTo>
                <a:cubicBezTo>
                  <a:pt x="1041769" y="0"/>
                  <a:pt x="1179806" y="52537"/>
                  <a:pt x="1284870" y="157611"/>
                </a:cubicBezTo>
                <a:lnTo>
                  <a:pt x="1588517" y="461273"/>
                </a:lnTo>
                <a:cubicBezTo>
                  <a:pt x="1772380" y="645153"/>
                  <a:pt x="1795363" y="929986"/>
                  <a:pt x="1657466" y="1139027"/>
                </a:cubicBezTo>
                <a:lnTo>
                  <a:pt x="1635617" y="1165782"/>
                </a:lnTo>
                <a:lnTo>
                  <a:pt x="1635295" y="1165559"/>
                </a:lnTo>
                <a:lnTo>
                  <a:pt x="1195620" y="1611249"/>
                </a:lnTo>
                <a:lnTo>
                  <a:pt x="1139055" y="1657427"/>
                </a:lnTo>
                <a:cubicBezTo>
                  <a:pt x="929948" y="1795337"/>
                  <a:pt x="645107" y="1772352"/>
                  <a:pt x="461244" y="1588472"/>
                </a:cubicBezTo>
                <a:lnTo>
                  <a:pt x="157597" y="1284811"/>
                </a:lnTo>
                <a:cubicBezTo>
                  <a:pt x="-52532" y="1074777"/>
                  <a:pt x="-52532" y="732771"/>
                  <a:pt x="157597" y="522623"/>
                </a:cubicBezTo>
                <a:lnTo>
                  <a:pt x="522594" y="157611"/>
                </a:lnTo>
                <a:cubicBezTo>
                  <a:pt x="627658" y="52537"/>
                  <a:pt x="765695" y="0"/>
                  <a:pt x="903732" y="0"/>
                </a:cubicBezTo>
                <a:close/>
              </a:path>
            </a:pathLst>
          </a:custGeom>
          <a:solidFill>
            <a:srgbClr val="F1EFF0"/>
          </a:solidFill>
          <a:ln w="12700">
            <a:miter lim="400000"/>
          </a:ln>
        </p:spPr>
        <p:txBody>
          <a:bodyPr wrap="square" lIns="28575" tIns="28575" rIns="28575" bIns="28575" anchor="ctr">
            <a:noAutofit/>
          </a:bodyPr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69B5642C-A87A-4C8A-86A8-E41CE479FD96}"/>
              </a:ext>
            </a:extLst>
          </p:cNvPr>
          <p:cNvSpPr txBox="1"/>
          <p:nvPr/>
        </p:nvSpPr>
        <p:spPr>
          <a:xfrm>
            <a:off x="7045493" y="4233474"/>
            <a:ext cx="535724" cy="923330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algn="ctr"/>
            <a:r>
              <a:rPr lang="fr-FR" sz="5400" b="1" dirty="0">
                <a:solidFill>
                  <a:schemeClr val="accent6">
                    <a:lumMod val="50000"/>
                  </a:schemeClr>
                </a:solidFill>
              </a:rPr>
              <a:t>3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492916C6-4F4E-4966-819C-2B3D4458C989}"/>
              </a:ext>
            </a:extLst>
          </p:cNvPr>
          <p:cNvSpPr txBox="1"/>
          <p:nvPr/>
        </p:nvSpPr>
        <p:spPr>
          <a:xfrm>
            <a:off x="4605096" y="4233484"/>
            <a:ext cx="535724" cy="923330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algn="ctr"/>
            <a:r>
              <a:rPr lang="fr-FR" sz="5400" b="1" dirty="0">
                <a:solidFill>
                  <a:schemeClr val="accent4">
                    <a:lumMod val="50000"/>
                  </a:schemeClr>
                </a:solidFill>
              </a:rPr>
              <a:t>4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A33EADB-C197-4886-9494-A2EB5FE5CB0D}"/>
              </a:ext>
            </a:extLst>
          </p:cNvPr>
          <p:cNvSpPr txBox="1"/>
          <p:nvPr/>
        </p:nvSpPr>
        <p:spPr>
          <a:xfrm>
            <a:off x="7045476" y="1834433"/>
            <a:ext cx="535724" cy="923330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algn="ctr"/>
            <a:r>
              <a:rPr lang="fr-FR" sz="5400" b="1" dirty="0">
                <a:solidFill>
                  <a:schemeClr val="accent3">
                    <a:lumMod val="75000"/>
                  </a:schemeClr>
                </a:solidFill>
              </a:rPr>
              <a:t>2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1EE7E078-259A-43DA-89DA-FA9C2D401BC9}"/>
              </a:ext>
            </a:extLst>
          </p:cNvPr>
          <p:cNvSpPr txBox="1"/>
          <p:nvPr/>
        </p:nvSpPr>
        <p:spPr>
          <a:xfrm>
            <a:off x="4605087" y="1834433"/>
            <a:ext cx="535724" cy="923330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algn="ctr"/>
            <a:r>
              <a:rPr lang="fr-FR" sz="5400" b="1" dirty="0">
                <a:solidFill>
                  <a:schemeClr val="accent5">
                    <a:lumMod val="75000"/>
                  </a:schemeClr>
                </a:solidFill>
              </a:rPr>
              <a:t>1</a:t>
            </a:r>
          </a:p>
        </p:txBody>
      </p:sp>
      <p:pic>
        <p:nvPicPr>
          <p:cNvPr id="29" name="Graphic 28" descr="Gears">
            <a:extLst>
              <a:ext uri="{FF2B5EF4-FFF2-40B4-BE49-F238E27FC236}">
                <a16:creationId xmlns:a16="http://schemas.microsoft.com/office/drawing/2014/main" id="{FB4B2CF9-A57E-4B2C-8E0D-B7486070D8A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276753" y="3631431"/>
            <a:ext cx="425961" cy="425961"/>
          </a:xfrm>
          <a:prstGeom prst="rect">
            <a:avLst/>
          </a:prstGeom>
        </p:spPr>
      </p:pic>
      <p:sp>
        <p:nvSpPr>
          <p:cNvPr id="31" name="Shape">
            <a:extLst>
              <a:ext uri="{FF2B5EF4-FFF2-40B4-BE49-F238E27FC236}">
                <a16:creationId xmlns:a16="http://schemas.microsoft.com/office/drawing/2014/main" id="{11478FC5-351D-462A-8FAF-5A005467AEFD}"/>
              </a:ext>
            </a:extLst>
          </p:cNvPr>
          <p:cNvSpPr/>
          <p:nvPr/>
        </p:nvSpPr>
        <p:spPr>
          <a:xfrm>
            <a:off x="5023416" y="2883599"/>
            <a:ext cx="301378" cy="1236558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18879" y="20274"/>
                </a:moveTo>
                <a:cubicBezTo>
                  <a:pt x="18632" y="20274"/>
                  <a:pt x="18384" y="20294"/>
                  <a:pt x="18137" y="20314"/>
                </a:cubicBezTo>
                <a:cubicBezTo>
                  <a:pt x="8079" y="17662"/>
                  <a:pt x="2473" y="14246"/>
                  <a:pt x="2473" y="10609"/>
                </a:cubicBezTo>
                <a:cubicBezTo>
                  <a:pt x="2473" y="7033"/>
                  <a:pt x="7832" y="3637"/>
                  <a:pt x="17725" y="1005"/>
                </a:cubicBezTo>
                <a:lnTo>
                  <a:pt x="17725" y="2029"/>
                </a:lnTo>
                <a:cubicBezTo>
                  <a:pt x="17725" y="2190"/>
                  <a:pt x="18220" y="2311"/>
                  <a:pt x="18879" y="2311"/>
                </a:cubicBezTo>
                <a:cubicBezTo>
                  <a:pt x="19209" y="2311"/>
                  <a:pt x="19456" y="2270"/>
                  <a:pt x="19704" y="2230"/>
                </a:cubicBezTo>
                <a:cubicBezTo>
                  <a:pt x="19951" y="2190"/>
                  <a:pt x="20033" y="2110"/>
                  <a:pt x="20033" y="2029"/>
                </a:cubicBezTo>
                <a:lnTo>
                  <a:pt x="20033" y="281"/>
                </a:lnTo>
                <a:cubicBezTo>
                  <a:pt x="20033" y="121"/>
                  <a:pt x="19539" y="0"/>
                  <a:pt x="18879" y="0"/>
                </a:cubicBezTo>
                <a:lnTo>
                  <a:pt x="11707" y="0"/>
                </a:lnTo>
                <a:cubicBezTo>
                  <a:pt x="11047" y="0"/>
                  <a:pt x="10553" y="121"/>
                  <a:pt x="10553" y="281"/>
                </a:cubicBezTo>
                <a:cubicBezTo>
                  <a:pt x="10553" y="442"/>
                  <a:pt x="11047" y="563"/>
                  <a:pt x="11707" y="563"/>
                </a:cubicBezTo>
                <a:lnTo>
                  <a:pt x="16076" y="563"/>
                </a:lnTo>
                <a:cubicBezTo>
                  <a:pt x="5688" y="3315"/>
                  <a:pt x="0" y="6852"/>
                  <a:pt x="0" y="10609"/>
                </a:cubicBezTo>
                <a:cubicBezTo>
                  <a:pt x="0" y="14387"/>
                  <a:pt x="5771" y="17963"/>
                  <a:pt x="16324" y="20716"/>
                </a:cubicBezTo>
                <a:cubicBezTo>
                  <a:pt x="16241" y="20796"/>
                  <a:pt x="16159" y="20857"/>
                  <a:pt x="16159" y="20937"/>
                </a:cubicBezTo>
                <a:cubicBezTo>
                  <a:pt x="16159" y="21299"/>
                  <a:pt x="17395" y="21600"/>
                  <a:pt x="18879" y="21600"/>
                </a:cubicBezTo>
                <a:cubicBezTo>
                  <a:pt x="20363" y="21600"/>
                  <a:pt x="21600" y="21299"/>
                  <a:pt x="21600" y="20937"/>
                </a:cubicBezTo>
                <a:cubicBezTo>
                  <a:pt x="21600" y="20575"/>
                  <a:pt x="20363" y="20274"/>
                  <a:pt x="18879" y="20274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 w="12700">
            <a:miter lim="400000"/>
          </a:ln>
        </p:spPr>
        <p:txBody>
          <a:bodyPr lIns="28575" tIns="28575" rIns="28575" bIns="28575" anchor="ctr"/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32" name="Shape">
            <a:extLst>
              <a:ext uri="{FF2B5EF4-FFF2-40B4-BE49-F238E27FC236}">
                <a16:creationId xmlns:a16="http://schemas.microsoft.com/office/drawing/2014/main" id="{FC2E614E-9C0A-4D94-B16D-E643D820D93D}"/>
              </a:ext>
            </a:extLst>
          </p:cNvPr>
          <p:cNvSpPr/>
          <p:nvPr/>
        </p:nvSpPr>
        <p:spPr>
          <a:xfrm>
            <a:off x="6875376" y="2883599"/>
            <a:ext cx="301378" cy="1236558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721" y="1326"/>
                </a:moveTo>
                <a:cubicBezTo>
                  <a:pt x="2968" y="1326"/>
                  <a:pt x="3216" y="1306"/>
                  <a:pt x="3463" y="1286"/>
                </a:cubicBezTo>
                <a:cubicBezTo>
                  <a:pt x="13521" y="3938"/>
                  <a:pt x="19127" y="7354"/>
                  <a:pt x="19127" y="10991"/>
                </a:cubicBezTo>
                <a:cubicBezTo>
                  <a:pt x="19127" y="14567"/>
                  <a:pt x="13768" y="17963"/>
                  <a:pt x="3875" y="20595"/>
                </a:cubicBezTo>
                <a:lnTo>
                  <a:pt x="3875" y="19571"/>
                </a:lnTo>
                <a:cubicBezTo>
                  <a:pt x="3875" y="19410"/>
                  <a:pt x="3380" y="19289"/>
                  <a:pt x="2721" y="19289"/>
                </a:cubicBezTo>
                <a:cubicBezTo>
                  <a:pt x="2391" y="19289"/>
                  <a:pt x="2144" y="19330"/>
                  <a:pt x="1896" y="19370"/>
                </a:cubicBezTo>
                <a:cubicBezTo>
                  <a:pt x="1649" y="19410"/>
                  <a:pt x="1567" y="19490"/>
                  <a:pt x="1567" y="19571"/>
                </a:cubicBezTo>
                <a:lnTo>
                  <a:pt x="1567" y="21319"/>
                </a:lnTo>
                <a:cubicBezTo>
                  <a:pt x="1567" y="21479"/>
                  <a:pt x="2061" y="21600"/>
                  <a:pt x="2721" y="21600"/>
                </a:cubicBezTo>
                <a:lnTo>
                  <a:pt x="9893" y="21600"/>
                </a:lnTo>
                <a:cubicBezTo>
                  <a:pt x="10553" y="21600"/>
                  <a:pt x="11047" y="21479"/>
                  <a:pt x="11047" y="21319"/>
                </a:cubicBezTo>
                <a:cubicBezTo>
                  <a:pt x="11047" y="21158"/>
                  <a:pt x="10553" y="21037"/>
                  <a:pt x="9893" y="21037"/>
                </a:cubicBezTo>
                <a:lnTo>
                  <a:pt x="5524" y="21037"/>
                </a:lnTo>
                <a:cubicBezTo>
                  <a:pt x="15912" y="18285"/>
                  <a:pt x="21600" y="14748"/>
                  <a:pt x="21600" y="10991"/>
                </a:cubicBezTo>
                <a:cubicBezTo>
                  <a:pt x="21600" y="7213"/>
                  <a:pt x="15829" y="3637"/>
                  <a:pt x="5276" y="884"/>
                </a:cubicBezTo>
                <a:cubicBezTo>
                  <a:pt x="5359" y="804"/>
                  <a:pt x="5441" y="743"/>
                  <a:pt x="5441" y="663"/>
                </a:cubicBezTo>
                <a:cubicBezTo>
                  <a:pt x="5441" y="301"/>
                  <a:pt x="4205" y="0"/>
                  <a:pt x="2721" y="0"/>
                </a:cubicBezTo>
                <a:cubicBezTo>
                  <a:pt x="1237" y="0"/>
                  <a:pt x="0" y="301"/>
                  <a:pt x="0" y="663"/>
                </a:cubicBezTo>
                <a:cubicBezTo>
                  <a:pt x="0" y="1025"/>
                  <a:pt x="1237" y="1326"/>
                  <a:pt x="2721" y="1326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 w="12700">
            <a:miter lim="400000"/>
          </a:ln>
        </p:spPr>
        <p:txBody>
          <a:bodyPr lIns="28575" tIns="28575" rIns="28575" bIns="28575" anchor="ctr"/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33" name="Shape">
            <a:extLst>
              <a:ext uri="{FF2B5EF4-FFF2-40B4-BE49-F238E27FC236}">
                <a16:creationId xmlns:a16="http://schemas.microsoft.com/office/drawing/2014/main" id="{F9EC5807-3BA2-4A71-92DA-FFDE11646BD9}"/>
              </a:ext>
            </a:extLst>
          </p:cNvPr>
          <p:cNvSpPr/>
          <p:nvPr/>
        </p:nvSpPr>
        <p:spPr>
          <a:xfrm>
            <a:off x="5472027" y="2423485"/>
            <a:ext cx="1236558" cy="301378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1326" y="18879"/>
                </a:moveTo>
                <a:cubicBezTo>
                  <a:pt x="1326" y="18632"/>
                  <a:pt x="1306" y="18384"/>
                  <a:pt x="1286" y="18137"/>
                </a:cubicBezTo>
                <a:cubicBezTo>
                  <a:pt x="3938" y="8079"/>
                  <a:pt x="7354" y="2473"/>
                  <a:pt x="10991" y="2473"/>
                </a:cubicBezTo>
                <a:cubicBezTo>
                  <a:pt x="14567" y="2473"/>
                  <a:pt x="17963" y="7832"/>
                  <a:pt x="20595" y="17725"/>
                </a:cubicBezTo>
                <a:lnTo>
                  <a:pt x="19571" y="17725"/>
                </a:lnTo>
                <a:cubicBezTo>
                  <a:pt x="19410" y="17725"/>
                  <a:pt x="19289" y="18220"/>
                  <a:pt x="19289" y="18879"/>
                </a:cubicBezTo>
                <a:cubicBezTo>
                  <a:pt x="19289" y="19209"/>
                  <a:pt x="19330" y="19456"/>
                  <a:pt x="19370" y="19704"/>
                </a:cubicBezTo>
                <a:cubicBezTo>
                  <a:pt x="19410" y="19951"/>
                  <a:pt x="19490" y="20033"/>
                  <a:pt x="19571" y="20033"/>
                </a:cubicBezTo>
                <a:lnTo>
                  <a:pt x="21319" y="20033"/>
                </a:lnTo>
                <a:cubicBezTo>
                  <a:pt x="21479" y="20033"/>
                  <a:pt x="21600" y="19539"/>
                  <a:pt x="21600" y="18879"/>
                </a:cubicBezTo>
                <a:lnTo>
                  <a:pt x="21600" y="11707"/>
                </a:lnTo>
                <a:cubicBezTo>
                  <a:pt x="21600" y="11047"/>
                  <a:pt x="21479" y="10553"/>
                  <a:pt x="21319" y="10553"/>
                </a:cubicBezTo>
                <a:cubicBezTo>
                  <a:pt x="21158" y="10553"/>
                  <a:pt x="21037" y="11047"/>
                  <a:pt x="21037" y="11707"/>
                </a:cubicBezTo>
                <a:lnTo>
                  <a:pt x="21037" y="16076"/>
                </a:lnTo>
                <a:cubicBezTo>
                  <a:pt x="18285" y="5688"/>
                  <a:pt x="14748" y="0"/>
                  <a:pt x="10991" y="0"/>
                </a:cubicBezTo>
                <a:cubicBezTo>
                  <a:pt x="7213" y="0"/>
                  <a:pt x="3637" y="5771"/>
                  <a:pt x="884" y="16324"/>
                </a:cubicBezTo>
                <a:cubicBezTo>
                  <a:pt x="804" y="16241"/>
                  <a:pt x="743" y="16159"/>
                  <a:pt x="663" y="16159"/>
                </a:cubicBezTo>
                <a:cubicBezTo>
                  <a:pt x="301" y="16159"/>
                  <a:pt x="0" y="17395"/>
                  <a:pt x="0" y="18879"/>
                </a:cubicBezTo>
                <a:cubicBezTo>
                  <a:pt x="0" y="20363"/>
                  <a:pt x="301" y="21600"/>
                  <a:pt x="663" y="21600"/>
                </a:cubicBezTo>
                <a:cubicBezTo>
                  <a:pt x="1025" y="21600"/>
                  <a:pt x="1326" y="20363"/>
                  <a:pt x="1326" y="18879"/>
                </a:cubicBezTo>
                <a:close/>
              </a:path>
            </a:pathLst>
          </a:custGeom>
          <a:solidFill>
            <a:schemeClr val="bg1">
              <a:lumMod val="50000"/>
            </a:schemeClr>
          </a:solidFill>
          <a:ln w="12700">
            <a:miter lim="400000"/>
          </a:ln>
        </p:spPr>
        <p:txBody>
          <a:bodyPr lIns="28575" tIns="28575" rIns="28575" bIns="28575" anchor="ctr"/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sp>
        <p:nvSpPr>
          <p:cNvPr id="34" name="Shape">
            <a:extLst>
              <a:ext uri="{FF2B5EF4-FFF2-40B4-BE49-F238E27FC236}">
                <a16:creationId xmlns:a16="http://schemas.microsoft.com/office/drawing/2014/main" id="{1FEB8A33-36ED-4E7F-B9FF-D725B0804F1B}"/>
              </a:ext>
            </a:extLst>
          </p:cNvPr>
          <p:cNvSpPr/>
          <p:nvPr/>
        </p:nvSpPr>
        <p:spPr>
          <a:xfrm>
            <a:off x="5472027" y="4275446"/>
            <a:ext cx="1236558" cy="301378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20274" y="2721"/>
                </a:moveTo>
                <a:cubicBezTo>
                  <a:pt x="20274" y="2968"/>
                  <a:pt x="20294" y="3216"/>
                  <a:pt x="20314" y="3463"/>
                </a:cubicBezTo>
                <a:cubicBezTo>
                  <a:pt x="17662" y="13521"/>
                  <a:pt x="14246" y="19127"/>
                  <a:pt x="10609" y="19127"/>
                </a:cubicBezTo>
                <a:cubicBezTo>
                  <a:pt x="7033" y="19127"/>
                  <a:pt x="3637" y="13768"/>
                  <a:pt x="1005" y="3875"/>
                </a:cubicBezTo>
                <a:lnTo>
                  <a:pt x="2029" y="3875"/>
                </a:lnTo>
                <a:cubicBezTo>
                  <a:pt x="2190" y="3875"/>
                  <a:pt x="2311" y="3380"/>
                  <a:pt x="2311" y="2721"/>
                </a:cubicBezTo>
                <a:cubicBezTo>
                  <a:pt x="2311" y="2391"/>
                  <a:pt x="2270" y="2144"/>
                  <a:pt x="2230" y="1896"/>
                </a:cubicBezTo>
                <a:cubicBezTo>
                  <a:pt x="2190" y="1649"/>
                  <a:pt x="2110" y="1567"/>
                  <a:pt x="2029" y="1567"/>
                </a:cubicBezTo>
                <a:lnTo>
                  <a:pt x="281" y="1567"/>
                </a:lnTo>
                <a:cubicBezTo>
                  <a:pt x="121" y="1567"/>
                  <a:pt x="0" y="2061"/>
                  <a:pt x="0" y="2721"/>
                </a:cubicBezTo>
                <a:lnTo>
                  <a:pt x="0" y="9893"/>
                </a:lnTo>
                <a:cubicBezTo>
                  <a:pt x="0" y="10553"/>
                  <a:pt x="121" y="11047"/>
                  <a:pt x="281" y="11047"/>
                </a:cubicBezTo>
                <a:cubicBezTo>
                  <a:pt x="442" y="11047"/>
                  <a:pt x="563" y="10553"/>
                  <a:pt x="563" y="9893"/>
                </a:cubicBezTo>
                <a:lnTo>
                  <a:pt x="563" y="5524"/>
                </a:lnTo>
                <a:cubicBezTo>
                  <a:pt x="3315" y="15912"/>
                  <a:pt x="6852" y="21600"/>
                  <a:pt x="10609" y="21600"/>
                </a:cubicBezTo>
                <a:cubicBezTo>
                  <a:pt x="14387" y="21600"/>
                  <a:pt x="17963" y="15829"/>
                  <a:pt x="20716" y="5276"/>
                </a:cubicBezTo>
                <a:cubicBezTo>
                  <a:pt x="20796" y="5359"/>
                  <a:pt x="20857" y="5441"/>
                  <a:pt x="20937" y="5441"/>
                </a:cubicBezTo>
                <a:cubicBezTo>
                  <a:pt x="21299" y="5441"/>
                  <a:pt x="21600" y="4205"/>
                  <a:pt x="21600" y="2721"/>
                </a:cubicBezTo>
                <a:cubicBezTo>
                  <a:pt x="21600" y="1237"/>
                  <a:pt x="21299" y="0"/>
                  <a:pt x="20937" y="0"/>
                </a:cubicBezTo>
                <a:cubicBezTo>
                  <a:pt x="20575" y="0"/>
                  <a:pt x="20274" y="1237"/>
                  <a:pt x="20274" y="2721"/>
                </a:cubicBezTo>
                <a:close/>
              </a:path>
            </a:pathLst>
          </a:custGeom>
          <a:solidFill>
            <a:schemeClr val="bg1">
              <a:lumMod val="50000"/>
            </a:schemeClr>
          </a:solidFill>
          <a:ln w="12700">
            <a:miter lim="400000"/>
          </a:ln>
        </p:spPr>
        <p:txBody>
          <a:bodyPr lIns="28575" tIns="28575" rIns="28575" bIns="28575" anchor="ctr"/>
          <a:lstStyle/>
          <a:p>
            <a:pPr>
              <a:defRPr sz="3000">
                <a:solidFill>
                  <a:srgbClr val="FFFFFF"/>
                </a:solidFill>
              </a:defRPr>
            </a:pPr>
            <a:endParaRPr sz="2250" dirty="0"/>
          </a:p>
        </p:txBody>
      </p:sp>
      <p:grpSp>
        <p:nvGrpSpPr>
          <p:cNvPr id="47" name="Group 46">
            <a:extLst>
              <a:ext uri="{FF2B5EF4-FFF2-40B4-BE49-F238E27FC236}">
                <a16:creationId xmlns:a16="http://schemas.microsoft.com/office/drawing/2014/main" id="{1CA45F47-FA2D-4ECF-A5B1-1D6EA13CF542}"/>
              </a:ext>
            </a:extLst>
          </p:cNvPr>
          <p:cNvGrpSpPr/>
          <p:nvPr/>
        </p:nvGrpSpPr>
        <p:grpSpPr>
          <a:xfrm>
            <a:off x="8219611" y="4323422"/>
            <a:ext cx="2194560" cy="829116"/>
            <a:chOff x="8921977" y="4042608"/>
            <a:chExt cx="2926080" cy="1105487"/>
          </a:xfrm>
        </p:grpSpPr>
        <p:sp>
          <p:nvSpPr>
            <p:cNvPr id="48" name="TextBox 47">
              <a:extLst>
                <a:ext uri="{FF2B5EF4-FFF2-40B4-BE49-F238E27FC236}">
                  <a16:creationId xmlns:a16="http://schemas.microsoft.com/office/drawing/2014/main" id="{B5ADB661-A10D-47A3-915D-D36C8ED0C3A7}"/>
                </a:ext>
              </a:extLst>
            </p:cNvPr>
            <p:cNvSpPr txBox="1"/>
            <p:nvPr/>
          </p:nvSpPr>
          <p:spPr>
            <a:xfrm>
              <a:off x="8921977" y="4042608"/>
              <a:ext cx="2926080" cy="492442"/>
            </a:xfrm>
            <a:prstGeom prst="rect">
              <a:avLst/>
            </a:prstGeom>
            <a:noFill/>
          </p:spPr>
          <p:txBody>
            <a:bodyPr wrap="square" lIns="0" rIns="0" rtlCol="0" anchor="b">
              <a:spAutoFit/>
            </a:bodyPr>
            <a:lstStyle/>
            <a:p>
              <a:r>
                <a:rPr lang="en-US" b="1" noProof="1"/>
                <a:t> Build and deploy  </a:t>
              </a:r>
            </a:p>
          </p:txBody>
        </p:sp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D8782CCA-FD56-4F1E-A8A9-9AA65BA04B0E}"/>
                </a:ext>
              </a:extLst>
            </p:cNvPr>
            <p:cNvSpPr txBox="1"/>
            <p:nvPr/>
          </p:nvSpPr>
          <p:spPr>
            <a:xfrm>
              <a:off x="8921977" y="4532542"/>
              <a:ext cx="2926080" cy="615553"/>
            </a:xfrm>
            <a:prstGeom prst="rect">
              <a:avLst/>
            </a:prstGeom>
            <a:noFill/>
          </p:spPr>
          <p:txBody>
            <a:bodyPr wrap="square" lIns="0" rIns="0" rtlCol="0" anchor="t">
              <a:spAutoFit/>
            </a:bodyPr>
            <a:lstStyle/>
            <a:p>
              <a:pPr marL="171450" indent="-171450" algn="just">
                <a:buFont typeface="Arial" panose="020B0604020202020204" pitchFamily="34" charset="0"/>
                <a:buChar char="•"/>
              </a:pPr>
              <a:r>
                <a:rPr lang="en-US" sz="1200" noProof="1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Terraform, Github Actions</a:t>
              </a:r>
            </a:p>
            <a:p>
              <a:pPr marL="171450" indent="-171450" algn="just">
                <a:buFont typeface="Arial" panose="020B0604020202020204" pitchFamily="34" charset="0"/>
                <a:buChar char="•"/>
              </a:pPr>
              <a:r>
                <a:rPr lang="en-US" sz="1200" noProof="1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AWS Code Pipeline</a:t>
              </a:r>
              <a:r>
                <a:rPr lang="en-US" sz="900" noProof="1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 </a:t>
              </a:r>
            </a:p>
          </p:txBody>
        </p:sp>
      </p:grpSp>
      <p:grpSp>
        <p:nvGrpSpPr>
          <p:cNvPr id="50" name="Group 49">
            <a:extLst>
              <a:ext uri="{FF2B5EF4-FFF2-40B4-BE49-F238E27FC236}">
                <a16:creationId xmlns:a16="http://schemas.microsoft.com/office/drawing/2014/main" id="{F49488B5-C9BF-4140-A78B-552E9B83D3E5}"/>
              </a:ext>
            </a:extLst>
          </p:cNvPr>
          <p:cNvGrpSpPr/>
          <p:nvPr/>
        </p:nvGrpSpPr>
        <p:grpSpPr>
          <a:xfrm>
            <a:off x="1469262" y="4275447"/>
            <a:ext cx="3083322" cy="712731"/>
            <a:chOff x="-78487" y="4557590"/>
            <a:chExt cx="4111095" cy="950306"/>
          </a:xfrm>
        </p:grpSpPr>
        <p:sp>
          <p:nvSpPr>
            <p:cNvPr id="51" name="TextBox 50">
              <a:extLst>
                <a:ext uri="{FF2B5EF4-FFF2-40B4-BE49-F238E27FC236}">
                  <a16:creationId xmlns:a16="http://schemas.microsoft.com/office/drawing/2014/main" id="{4FA7BE03-39F6-4FB7-A93F-BDAE772BD7DF}"/>
                </a:ext>
              </a:extLst>
            </p:cNvPr>
            <p:cNvSpPr txBox="1"/>
            <p:nvPr/>
          </p:nvSpPr>
          <p:spPr>
            <a:xfrm>
              <a:off x="-78487" y="4557590"/>
              <a:ext cx="2383580" cy="492442"/>
            </a:xfrm>
            <a:prstGeom prst="rect">
              <a:avLst/>
            </a:prstGeom>
            <a:noFill/>
          </p:spPr>
          <p:txBody>
            <a:bodyPr wrap="square" lIns="0" rIns="0" rtlCol="0" anchor="b">
              <a:spAutoFit/>
            </a:bodyPr>
            <a:lstStyle/>
            <a:p>
              <a:pPr algn="r"/>
              <a:r>
                <a:rPr lang="en-US" b="1" noProof="1"/>
                <a:t>Database </a:t>
              </a:r>
            </a:p>
          </p:txBody>
        </p: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B2E57098-7E01-4D42-8C05-DBCC1BE23747}"/>
                </a:ext>
              </a:extLst>
            </p:cNvPr>
            <p:cNvSpPr txBox="1"/>
            <p:nvPr/>
          </p:nvSpPr>
          <p:spPr>
            <a:xfrm>
              <a:off x="1106529" y="5138565"/>
              <a:ext cx="2926079" cy="369331"/>
            </a:xfrm>
            <a:prstGeom prst="rect">
              <a:avLst/>
            </a:prstGeom>
            <a:noFill/>
          </p:spPr>
          <p:txBody>
            <a:bodyPr wrap="square" lIns="0" rIns="0" rtlCol="0" anchor="t">
              <a:spAutoFit/>
            </a:bodyPr>
            <a:lstStyle/>
            <a:p>
              <a:pPr marL="171450" indent="-171450" algn="just">
                <a:buFont typeface="Arial" panose="020B0604020202020204" pitchFamily="34" charset="0"/>
                <a:buChar char="•"/>
              </a:pPr>
              <a:r>
                <a:rPr lang="en-US" sz="1200" noProof="1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Oracle / POstgres.</a:t>
              </a:r>
            </a:p>
          </p:txBody>
        </p: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344AA7D6-FD4B-4B6C-943B-397CEDE8B1C4}"/>
              </a:ext>
            </a:extLst>
          </p:cNvPr>
          <p:cNvGrpSpPr/>
          <p:nvPr/>
        </p:nvGrpSpPr>
        <p:grpSpPr>
          <a:xfrm>
            <a:off x="8180509" y="1765778"/>
            <a:ext cx="2233661" cy="829116"/>
            <a:chOff x="8869842" y="1435947"/>
            <a:chExt cx="2978215" cy="1105487"/>
          </a:xfrm>
        </p:grpSpPr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6A54BFC9-3706-4630-8AFD-5A284D1F7A37}"/>
                </a:ext>
              </a:extLst>
            </p:cNvPr>
            <p:cNvSpPr txBox="1"/>
            <p:nvPr/>
          </p:nvSpPr>
          <p:spPr>
            <a:xfrm>
              <a:off x="8869842" y="1435947"/>
              <a:ext cx="2978215" cy="492442"/>
            </a:xfrm>
            <a:prstGeom prst="rect">
              <a:avLst/>
            </a:prstGeom>
            <a:noFill/>
          </p:spPr>
          <p:txBody>
            <a:bodyPr wrap="square" lIns="0" rIns="0" rtlCol="0" anchor="b">
              <a:spAutoFit/>
            </a:bodyPr>
            <a:lstStyle/>
            <a:p>
              <a:r>
                <a:rPr lang="en-US" b="1" noProof="1"/>
                <a:t> Back End </a:t>
              </a:r>
            </a:p>
          </p:txBody>
        </p:sp>
        <p:sp>
          <p:nvSpPr>
            <p:cNvPr id="55" name="TextBox 54">
              <a:extLst>
                <a:ext uri="{FF2B5EF4-FFF2-40B4-BE49-F238E27FC236}">
                  <a16:creationId xmlns:a16="http://schemas.microsoft.com/office/drawing/2014/main" id="{D2DC1729-32E6-42BA-AD7C-CEA31285D524}"/>
                </a:ext>
              </a:extLst>
            </p:cNvPr>
            <p:cNvSpPr txBox="1"/>
            <p:nvPr/>
          </p:nvSpPr>
          <p:spPr>
            <a:xfrm>
              <a:off x="8921977" y="1925881"/>
              <a:ext cx="2926080" cy="615553"/>
            </a:xfrm>
            <a:prstGeom prst="rect">
              <a:avLst/>
            </a:prstGeom>
            <a:noFill/>
          </p:spPr>
          <p:txBody>
            <a:bodyPr wrap="square" lIns="0" rIns="0" rtlCol="0" anchor="t">
              <a:spAutoFit/>
            </a:bodyPr>
            <a:lstStyle/>
            <a:p>
              <a:pPr marL="171450" indent="-171450" algn="just">
                <a:buFont typeface="Arial" panose="020B0604020202020204" pitchFamily="34" charset="0"/>
                <a:buChar char="•"/>
              </a:pPr>
              <a:r>
                <a:rPr lang="en-US" sz="1200" noProof="1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Spring Boot</a:t>
              </a:r>
            </a:p>
            <a:p>
              <a:pPr marL="171450" indent="-171450" algn="just">
                <a:buFont typeface="Arial" panose="020B0604020202020204" pitchFamily="34" charset="0"/>
                <a:buChar char="•"/>
              </a:pPr>
              <a:r>
                <a:rPr lang="en-US" sz="1200" noProof="1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Django</a:t>
              </a:r>
            </a:p>
          </p:txBody>
        </p:sp>
      </p:grpSp>
      <p:grpSp>
        <p:nvGrpSpPr>
          <p:cNvPr id="56" name="Group 55">
            <a:extLst>
              <a:ext uri="{FF2B5EF4-FFF2-40B4-BE49-F238E27FC236}">
                <a16:creationId xmlns:a16="http://schemas.microsoft.com/office/drawing/2014/main" id="{E514EB14-A440-4879-AA93-8812B73D45FB}"/>
              </a:ext>
            </a:extLst>
          </p:cNvPr>
          <p:cNvGrpSpPr/>
          <p:nvPr/>
        </p:nvGrpSpPr>
        <p:grpSpPr>
          <a:xfrm>
            <a:off x="1777829" y="1741036"/>
            <a:ext cx="2898117" cy="1326084"/>
            <a:chOff x="332935" y="2962266"/>
            <a:chExt cx="3864156" cy="291937"/>
          </a:xfrm>
        </p:grpSpPr>
        <p:sp>
          <p:nvSpPr>
            <p:cNvPr id="57" name="TextBox 56">
              <a:extLst>
                <a:ext uri="{FF2B5EF4-FFF2-40B4-BE49-F238E27FC236}">
                  <a16:creationId xmlns:a16="http://schemas.microsoft.com/office/drawing/2014/main" id="{90555BB0-DC20-4E68-A600-0771563589DF}"/>
                </a:ext>
              </a:extLst>
            </p:cNvPr>
            <p:cNvSpPr txBox="1"/>
            <p:nvPr/>
          </p:nvSpPr>
          <p:spPr>
            <a:xfrm>
              <a:off x="332935" y="2962266"/>
              <a:ext cx="2104731" cy="81308"/>
            </a:xfrm>
            <a:prstGeom prst="rect">
              <a:avLst/>
            </a:prstGeom>
            <a:noFill/>
          </p:spPr>
          <p:txBody>
            <a:bodyPr wrap="square" lIns="0" rIns="0" rtlCol="0" anchor="b">
              <a:spAutoFit/>
            </a:bodyPr>
            <a:lstStyle/>
            <a:p>
              <a:pPr algn="r"/>
              <a:r>
                <a:rPr lang="en-US" b="1" noProof="1"/>
                <a:t>Front end </a:t>
              </a: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A37A5AA4-214E-43AD-9EE6-4F1D3C13E45B}"/>
                </a:ext>
              </a:extLst>
            </p:cNvPr>
            <p:cNvSpPr txBox="1"/>
            <p:nvPr/>
          </p:nvSpPr>
          <p:spPr>
            <a:xfrm>
              <a:off x="1106528" y="3071259"/>
              <a:ext cx="3090563" cy="182944"/>
            </a:xfrm>
            <a:prstGeom prst="rect">
              <a:avLst/>
            </a:prstGeom>
            <a:noFill/>
          </p:spPr>
          <p:txBody>
            <a:bodyPr wrap="square" lIns="0" rIns="0" rtlCol="0" anchor="t">
              <a:spAutoFit/>
            </a:bodyPr>
            <a:lstStyle/>
            <a:p>
              <a:pPr marL="171450" indent="-171450" algn="just">
                <a:buFont typeface="Arial" panose="020B0604020202020204" pitchFamily="34" charset="0"/>
                <a:buChar char="•"/>
              </a:pPr>
              <a:r>
                <a:rPr lang="en-US" sz="1200" noProof="1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Angular</a:t>
              </a:r>
            </a:p>
            <a:p>
              <a:pPr marL="171450" indent="-171450" algn="just">
                <a:buFont typeface="Arial" panose="020B0604020202020204" pitchFamily="34" charset="0"/>
                <a:buChar char="•"/>
              </a:pPr>
              <a:r>
                <a:rPr lang="en-US" sz="1200" noProof="1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React JS</a:t>
              </a:r>
            </a:p>
            <a:p>
              <a:pPr marL="171450" indent="-171450" algn="just">
                <a:buFont typeface="Arial" panose="020B0604020202020204" pitchFamily="34" charset="0"/>
                <a:buChar char="•"/>
              </a:pPr>
              <a:endPara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endParaRPr>
            </a:p>
            <a:p>
              <a:pPr marL="171450" indent="-171450" algn="just">
                <a:buFont typeface="Arial" panose="020B0604020202020204" pitchFamily="34" charset="0"/>
                <a:buChar char="•"/>
              </a:pPr>
              <a:endPara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endParaRPr>
            </a:p>
          </p:txBody>
        </p:sp>
      </p:grpSp>
      <p:pic>
        <p:nvPicPr>
          <p:cNvPr id="5" name="Graphic 4" descr="Badge 1 with solid fill">
            <a:extLst>
              <a:ext uri="{FF2B5EF4-FFF2-40B4-BE49-F238E27FC236}">
                <a16:creationId xmlns:a16="http://schemas.microsoft.com/office/drawing/2014/main" id="{45A87D88-018F-4F45-8336-0679D67FE63A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777831" y="1776189"/>
            <a:ext cx="377708" cy="377708"/>
          </a:xfrm>
          <a:prstGeom prst="rect">
            <a:avLst/>
          </a:prstGeom>
        </p:spPr>
      </p:pic>
      <p:pic>
        <p:nvPicPr>
          <p:cNvPr id="8" name="Graphic 7" descr="Badge with solid fill">
            <a:extLst>
              <a:ext uri="{FF2B5EF4-FFF2-40B4-BE49-F238E27FC236}">
                <a16:creationId xmlns:a16="http://schemas.microsoft.com/office/drawing/2014/main" id="{BF58826D-DA1A-4FF4-84C9-FB379324A2D9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0036463" y="1772193"/>
            <a:ext cx="377708" cy="377708"/>
          </a:xfrm>
          <a:prstGeom prst="rect">
            <a:avLst/>
          </a:prstGeom>
        </p:spPr>
      </p:pic>
      <p:pic>
        <p:nvPicPr>
          <p:cNvPr id="11" name="Graphic 10" descr="Badge 3 with solid fill">
            <a:extLst>
              <a:ext uri="{FF2B5EF4-FFF2-40B4-BE49-F238E27FC236}">
                <a16:creationId xmlns:a16="http://schemas.microsoft.com/office/drawing/2014/main" id="{BA50E1B5-F246-4110-AA7E-4AB12FFC9725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036463" y="4330774"/>
            <a:ext cx="377708" cy="377708"/>
          </a:xfrm>
          <a:prstGeom prst="rect">
            <a:avLst/>
          </a:prstGeom>
        </p:spPr>
      </p:pic>
      <p:pic>
        <p:nvPicPr>
          <p:cNvPr id="15" name="Graphic 14" descr="Badge 4 with solid fill">
            <a:extLst>
              <a:ext uri="{FF2B5EF4-FFF2-40B4-BE49-F238E27FC236}">
                <a16:creationId xmlns:a16="http://schemas.microsoft.com/office/drawing/2014/main" id="{AFA3C581-A9CB-4561-A634-AC2F7A38954F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1777831" y="4330774"/>
            <a:ext cx="377708" cy="377708"/>
          </a:xfrm>
          <a:prstGeom prst="rect">
            <a:avLst/>
          </a:prstGeom>
        </p:spPr>
      </p:pic>
      <p:pic>
        <p:nvPicPr>
          <p:cNvPr id="6" name="Picture 5" descr="Download Database Png HQ PNG Image | FreePNGImg">
            <a:extLst>
              <a:ext uri="{FF2B5EF4-FFF2-40B4-BE49-F238E27FC236}">
                <a16:creationId xmlns:a16="http://schemas.microsoft.com/office/drawing/2014/main" id="{0D24BC71-6D9D-14FD-48D2-66F56A30A3B7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14"/>
              </a:ext>
            </a:extLst>
          </a:blip>
          <a:stretch>
            <a:fillRect/>
          </a:stretch>
        </p:blipFill>
        <p:spPr>
          <a:xfrm>
            <a:off x="5580146" y="3705299"/>
            <a:ext cx="291063" cy="352093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3EF7CA02-DC88-1DE2-9860-E34A77E157DD}"/>
              </a:ext>
            </a:extLst>
          </p:cNvPr>
          <p:cNvSpPr txBox="1"/>
          <p:nvPr/>
        </p:nvSpPr>
        <p:spPr>
          <a:xfrm>
            <a:off x="8948634" y="10958896"/>
            <a:ext cx="164667" cy="64633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>
                <a:hlinkClick r:id="rId14" tooltip="https://freepngimg.com/png/11639-database-png"/>
              </a:rPr>
              <a:t>This Photo</a:t>
            </a:r>
            <a:r>
              <a:rPr lang="en-US" sz="900" dirty="0"/>
              <a:t> by Unknown Author is licensed under </a:t>
            </a:r>
            <a:r>
              <a:rPr lang="en-US" sz="900" dirty="0">
                <a:hlinkClick r:id="rId15" tooltip="https://creativecommons.org/licenses/by-nc/3.0/"/>
              </a:rPr>
              <a:t>CC BY-NC</a:t>
            </a:r>
            <a:endParaRPr lang="en-US" sz="900" dirty="0"/>
          </a:p>
        </p:txBody>
      </p:sp>
      <p:pic>
        <p:nvPicPr>
          <p:cNvPr id="36" name="Picture 35" descr="Click UI - Icon Pack v3.5 APK ~ ANDROID4STORE">
            <a:extLst>
              <a:ext uri="{FF2B5EF4-FFF2-40B4-BE49-F238E27FC236}">
                <a16:creationId xmlns:a16="http://schemas.microsoft.com/office/drawing/2014/main" id="{5592EECC-B1AF-5643-82D6-0730F7DAA9FF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17"/>
              </a:ext>
            </a:extLst>
          </a:blip>
          <a:stretch>
            <a:fillRect/>
          </a:stretch>
        </p:blipFill>
        <p:spPr>
          <a:xfrm>
            <a:off x="5419301" y="2878178"/>
            <a:ext cx="548237" cy="548237"/>
          </a:xfrm>
          <a:prstGeom prst="rect">
            <a:avLst/>
          </a:prstGeom>
        </p:spPr>
      </p:pic>
      <p:pic>
        <p:nvPicPr>
          <p:cNvPr id="39" name="Picture 38" descr="How to Enable Server-Side Rendering for a React App | DigitalOcean">
            <a:extLst>
              <a:ext uri="{FF2B5EF4-FFF2-40B4-BE49-F238E27FC236}">
                <a16:creationId xmlns:a16="http://schemas.microsoft.com/office/drawing/2014/main" id="{5F3D20EA-2AF4-CFAF-0CDA-D5C069152179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19"/>
              </a:ext>
            </a:extLst>
          </a:blip>
          <a:stretch>
            <a:fillRect/>
          </a:stretch>
        </p:blipFill>
        <p:spPr>
          <a:xfrm>
            <a:off x="6240570" y="2942917"/>
            <a:ext cx="468016" cy="4012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6687110"/>
      </p:ext>
    </p:extLst>
  </p:cSld>
  <p:clrMapOvr>
    <a:masterClrMapping/>
  </p:clrMapOvr>
  <p:extLst>
    <p:ext uri="{6950BFC3-D8DA-4A85-94F7-54DA5524770B}">
      <p188:commentRel xmlns:p188="http://schemas.microsoft.com/office/powerpoint/2018/8/main" r:id="rId2"/>
    </p:ext>
  </p:extLs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E5B39A-6065-8040-A083-48FF41F9EE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ystem Architectur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FC5D00C-2E3D-771F-AE5D-49780CFC4528}"/>
              </a:ext>
            </a:extLst>
          </p:cNvPr>
          <p:cNvSpPr txBox="1"/>
          <p:nvPr/>
        </p:nvSpPr>
        <p:spPr>
          <a:xfrm>
            <a:off x="1355942" y="1690688"/>
            <a:ext cx="2317922" cy="830998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Architectue Diagaram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617167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06E0BF-46FE-0826-5660-8D301CCEC8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chnology Architectur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7EA4859-C116-1E92-A091-0779561DA0E0}"/>
              </a:ext>
            </a:extLst>
          </p:cNvPr>
          <p:cNvSpPr txBox="1"/>
          <p:nvPr/>
        </p:nvSpPr>
        <p:spPr>
          <a:xfrm>
            <a:off x="1355941" y="1690688"/>
            <a:ext cx="5671159" cy="830997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Technical Architectue Diagram detailing network level segregation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5452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8AE7EF-CF4E-EE27-E853-64FAE3F730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base Design/Architectur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B052DA9-4FC2-C649-14C2-32210A904B63}"/>
              </a:ext>
            </a:extLst>
          </p:cNvPr>
          <p:cNvSpPr txBox="1"/>
          <p:nvPr/>
        </p:nvSpPr>
        <p:spPr>
          <a:xfrm>
            <a:off x="1355941" y="1690688"/>
            <a:ext cx="5671159" cy="1015663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Data storage solutions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Databases 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9220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ADA31C-C7F0-328F-C736-92BD063D11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Model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4A448D4-4CB1-7B91-2336-3035BCF56FCF}"/>
              </a:ext>
            </a:extLst>
          </p:cNvPr>
          <p:cNvSpPr txBox="1"/>
          <p:nvPr/>
        </p:nvSpPr>
        <p:spPr>
          <a:xfrm>
            <a:off x="1355941" y="1690688"/>
            <a:ext cx="5671159" cy="830997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Data model and access pattern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670044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9FD1E-8CF3-F067-E227-B4C13D3C68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erformance Metric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1F8C244-CD6F-29DA-BF14-67B01CCED4A8}"/>
              </a:ext>
            </a:extLst>
          </p:cNvPr>
          <p:cNvSpPr txBox="1"/>
          <p:nvPr/>
        </p:nvSpPr>
        <p:spPr>
          <a:xfrm>
            <a:off x="1355941" y="1690688"/>
            <a:ext cx="5671159" cy="830997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Database query response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Caching, Read/Write replicas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788767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9FD1E-8CF3-F067-E227-B4C13D3C68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Security (Rest + Transition)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DAC2029-ABC9-556B-CB51-C3DD3C9DDDA4}"/>
              </a:ext>
            </a:extLst>
          </p:cNvPr>
          <p:cNvSpPr txBox="1"/>
          <p:nvPr/>
        </p:nvSpPr>
        <p:spPr>
          <a:xfrm>
            <a:off x="1355941" y="1690688"/>
            <a:ext cx="5671159" cy="830997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Data Encryption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en-US" sz="12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PII/PHI data security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2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693760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CA1F004748C93479060AE6BA9380B63" ma:contentTypeVersion="2" ma:contentTypeDescription="Create a new document." ma:contentTypeScope="" ma:versionID="6a9088daf2a46cee06eca0b17bb494ef">
  <xsd:schema xmlns:xsd="http://www.w3.org/2001/XMLSchema" xmlns:xs="http://www.w3.org/2001/XMLSchema" xmlns:p="http://schemas.microsoft.com/office/2006/metadata/properties" xmlns:ns2="ae879cfb-c957-4cc5-b6f3-b53717ec192c" targetNamespace="http://schemas.microsoft.com/office/2006/metadata/properties" ma:root="true" ma:fieldsID="b50f049103ca43d2df93a16893a0a445" ns2:_="">
    <xsd:import namespace="ae879cfb-c957-4cc5-b6f3-b53717ec192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e879cfb-c957-4cc5-b6f3-b53717ec192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AE9D6FE-DBFB-4E4E-91B8-3496D8B9A6A4}">
  <ds:schemaRefs>
    <ds:schemaRef ds:uri="4d6afa14-bd57-4bf5-b9da-14a5aad74b74"/>
    <ds:schemaRef ds:uri="5f7fd1c9-29da-47c5-8f57-5eecf6285618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CE4EB6AF-E2A5-49B4-AD4E-CE5E86795A0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e879cfb-c957-4cc5-b6f3-b53717ec192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7D122BA1-F2D4-4A6E-9E27-EFE579EF036D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75</TotalTime>
  <Words>976</Words>
  <Application>Microsoft Office PowerPoint</Application>
  <PresentationFormat>Widescreen</PresentationFormat>
  <Paragraphs>202</Paragraphs>
  <Slides>24</Slides>
  <Notes>8</Notes>
  <HiddenSlides>0</HiddenSlides>
  <MMClips>1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31" baseType="lpstr">
      <vt:lpstr>-apple-system</vt:lpstr>
      <vt:lpstr>Arial</vt:lpstr>
      <vt:lpstr>Arial Nova Cond</vt:lpstr>
      <vt:lpstr>Calibri</vt:lpstr>
      <vt:lpstr>Calibri Light</vt:lpstr>
      <vt:lpstr>Roboto Condensed Light</vt:lpstr>
      <vt:lpstr>Office Theme</vt:lpstr>
      <vt:lpstr>PowerPoint Presentation</vt:lpstr>
      <vt:lpstr>Agenda : Project Architecture information</vt:lpstr>
      <vt:lpstr>Tech Stack</vt:lpstr>
      <vt:lpstr>System Architecture</vt:lpstr>
      <vt:lpstr>Technology Architecture</vt:lpstr>
      <vt:lpstr>Database Design/Architecture</vt:lpstr>
      <vt:lpstr>Data Model</vt:lpstr>
      <vt:lpstr>Performance Metrics</vt:lpstr>
      <vt:lpstr>Data Security (Rest + Transition)</vt:lpstr>
      <vt:lpstr>API Integration + Third Party Integration</vt:lpstr>
      <vt:lpstr>Data Integration</vt:lpstr>
      <vt:lpstr>Performance Metrics</vt:lpstr>
      <vt:lpstr>API Security (Authentication + Authorization) </vt:lpstr>
      <vt:lpstr>Development Tools &amp; Setup</vt:lpstr>
      <vt:lpstr>Version  management and branching strategy</vt:lpstr>
      <vt:lpstr>PowerPoint Presentation</vt:lpstr>
      <vt:lpstr>Authentication and Authorization</vt:lpstr>
      <vt:lpstr>Security</vt:lpstr>
      <vt:lpstr>Performance</vt:lpstr>
      <vt:lpstr>Availability, Scalability &amp; Disaster Recovery</vt:lpstr>
      <vt:lpstr>Logging &amp; Monitoring</vt:lpstr>
      <vt:lpstr>Error and Exception Handling</vt:lpstr>
      <vt:lpstr>PowerPoint Presentation</vt:lpstr>
      <vt:lpstr>API and 3rd party services used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ntry, Aayush</dc:creator>
  <cp:lastModifiedBy>S, Tejas Manu</cp:lastModifiedBy>
  <cp:revision>10</cp:revision>
  <dcterms:created xsi:type="dcterms:W3CDTF">2022-09-23T13:44:25Z</dcterms:created>
  <dcterms:modified xsi:type="dcterms:W3CDTF">2022-12-14T16:03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ea60d57e-af5b-4752-ac57-3e4f28ca11dc_Enabled">
    <vt:lpwstr>true</vt:lpwstr>
  </property>
  <property fmtid="{D5CDD505-2E9C-101B-9397-08002B2CF9AE}" pid="3" name="MSIP_Label_ea60d57e-af5b-4752-ac57-3e4f28ca11dc_SetDate">
    <vt:lpwstr>2022-09-23T13:44:25Z</vt:lpwstr>
  </property>
  <property fmtid="{D5CDD505-2E9C-101B-9397-08002B2CF9AE}" pid="4" name="MSIP_Label_ea60d57e-af5b-4752-ac57-3e4f28ca11dc_Method">
    <vt:lpwstr>Standard</vt:lpwstr>
  </property>
  <property fmtid="{D5CDD505-2E9C-101B-9397-08002B2CF9AE}" pid="5" name="MSIP_Label_ea60d57e-af5b-4752-ac57-3e4f28ca11dc_Name">
    <vt:lpwstr>ea60d57e-af5b-4752-ac57-3e4f28ca11dc</vt:lpwstr>
  </property>
  <property fmtid="{D5CDD505-2E9C-101B-9397-08002B2CF9AE}" pid="6" name="MSIP_Label_ea60d57e-af5b-4752-ac57-3e4f28ca11dc_SiteId">
    <vt:lpwstr>36da45f1-dd2c-4d1f-af13-5abe46b99921</vt:lpwstr>
  </property>
  <property fmtid="{D5CDD505-2E9C-101B-9397-08002B2CF9AE}" pid="7" name="MSIP_Label_ea60d57e-af5b-4752-ac57-3e4f28ca11dc_ActionId">
    <vt:lpwstr>05f646e4-8c60-44d3-ae08-1d1800906765</vt:lpwstr>
  </property>
  <property fmtid="{D5CDD505-2E9C-101B-9397-08002B2CF9AE}" pid="8" name="MSIP_Label_ea60d57e-af5b-4752-ac57-3e4f28ca11dc_ContentBits">
    <vt:lpwstr>0</vt:lpwstr>
  </property>
  <property fmtid="{D5CDD505-2E9C-101B-9397-08002B2CF9AE}" pid="9" name="ContentTypeId">
    <vt:lpwstr>0x0101003CA1F004748C93479060AE6BA9380B63</vt:lpwstr>
  </property>
</Properties>
</file>